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80" r:id="rId3"/>
    <p:sldId id="281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1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A279B8-A55A-9D89-EDAD-29BCBE25B70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0AA27B2-D2F5-E2A3-28AE-74144265887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D960D9B-7F8D-9997-4182-807F725745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538737-C7B5-5573-B2A2-99CD6CBC9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BC73DC0-220C-5D81-083B-37DDA56482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84381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627A83-5EB8-46E4-3017-604FF6E98D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366B7BB-2899-5A90-C4FB-3A282E40B7F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FB68268-A122-E1D4-3AC5-9F34500820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1D2F3A-44C0-3A92-231C-E5D518F046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4E080C-436D-86E1-8E6C-37D35F5A5E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37450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64D2776-72AA-ECC8-13D7-7DC0117CCD3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4E2E1EC-0BAE-6256-D7F9-DB5635FC4DB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7D11808-BAF5-DEC6-C8B2-5240CFE137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B3FFF64-6911-2262-9658-15EF9BAE72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57DB0B2-A5DB-69E4-4964-158DEE6289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739156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F4D21F-1AB0-3F70-54B4-B22A98D984C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0D1B984-38CE-F011-EF59-3D131023A7F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C6FD11-D4D7-546A-BA03-64391A8987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C020D75-9D45-9A2A-3538-28288A18B3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C86F281-5EFF-5BC6-1AAD-5B8DAC3F88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1806049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F311C5-B998-5C2F-F4FF-9BD9AEA743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671099-7C59-2276-828D-84185337AD2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2B623C9-6E7F-6295-BFC8-78BF4725DF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3144D7-809A-9D4A-EDDB-81DA65290D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734D019-E391-B6A7-0D1F-3FFA86EC3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9544952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F66D05-4D25-BEDC-6CEE-CB84DA9CC1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8B6D0CD-68F2-C7FB-F8C2-C0562887FB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22D69B-5687-EBB4-ECD3-8DADC6C764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D205C5E-A24D-DECE-6558-460034A2D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70BC196-0DAF-4B8A-0D05-4483A715C6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4080086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4E9EE1-B892-F6EC-1A5C-D9A92E7905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504A79-8E84-A737-D6C9-5CE4144C190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2EB55F8-E68C-86A0-2524-FD577BDF38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265BB1F-F518-7009-A0CC-1CB3874D00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7D47ED2-C8EA-1232-0D44-B345633140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4711506-4566-5CF1-A9D1-F2A5E36C13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8699808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A1D8D8-9924-6C09-D7BB-3F131C1C42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7609137-17EE-FF52-A010-5FA54CA6DE6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B4880F7-CBD6-DD51-66E0-1C139C39C8D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9613D2A-8C1C-4362-0497-381B8CA793D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DF9C5BF-6AAC-0677-F92F-6D44A897A9B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2A3FBAF-BB50-596A-9476-EE1C68F6B2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17BF23E-A604-30A8-E69F-D004C4A7BA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8775E22-6E27-00F5-80F2-6DE864D1C0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2433196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843580-4039-C6CE-DC5B-F7DFFD0060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8B38CD8-0DDA-49DF-EADD-86195013AB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278655C-6A92-D1A9-BB2B-5FE5AC28DA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BA6CE6-A8C1-1A33-8591-85995BB4C4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2948688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C608B53-A975-AF74-E946-B66D8F965E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E993031-EC0F-3552-DEA1-BFE47EE386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0CBDB68-FF03-43F6-A9C4-7FECF13116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2697088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6F97C8-2C2C-31A2-FC39-B8381F323D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D6A6FD-40AC-F5F5-9A05-A600BC4376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EBB5F65-CC79-C3DE-7CAF-97662A951F2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8A5F2ED-E943-91E6-C3F7-B2D7AE33BA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D9BA325-A86D-4B25-F00D-3E0ACAA177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8EE1B5F-A056-F44F-5614-C83411DE4C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876128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05D0E5-A02B-44B7-6C97-C9E4DA4DFA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E30C3ED-A283-E933-C785-594E6BF6FB5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DD4D1F-4670-E907-0EBB-B6D71C3A6E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342F38-65DD-3EBD-B95D-2A8E2ADC18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638D571-279A-A106-9DF5-3E026733F3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425962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8E0178-34F9-291D-395B-93A8680244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0DE3C35-0898-1715-1ADC-E3D833262D3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F4043-3D44-00C9-3FDB-39EEE32EF72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DE01214-1D22-221B-AC77-9588D99D7D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0A895E-A83F-91F9-725F-51EF4182B2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EA72833-6C19-3969-72D2-672FC99FE2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3616033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93E494-57AE-1A8D-B96A-C18F48E38F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2F0610C-3EF6-E366-9E97-9DE9CB32AB0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BE6178-54D0-12C5-09D1-E56DDBCB74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4418DC8-81D7-5185-F349-EC09A23815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72FFE08-1DFB-C6DC-DDD6-37F7D68FAE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842224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9E2AFD-C709-FD61-B693-98316E1CFB7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619FDE2-3AD0-E563-6D0D-5AE5B77082D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5F67EC-2CBF-D9EC-F701-87385F3B29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15947EB-5D33-4900-5FC5-68C46F9858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E85860B-41C2-3459-0B92-D78282D6FF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81150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28350C-F61C-D1C3-6321-223A90934D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E873C8-B2A1-C167-4D06-9965668344E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EE89ED-B5ED-8512-4186-73A63B281A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A144957-517C-80E0-9665-C769034700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5E2DE5B-4741-6CF0-F967-AD49974187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970789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514313-FCA6-C097-EAD0-CE2E019E4A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1D4B027-F7E8-4D07-403F-7D44B1B105E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BD9F98B-3AB9-CF2C-8093-C5BD10BCE54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A892E94-EE87-CD9B-CA91-36C5195E17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DB2317E-D712-24BC-11D0-38121F8A33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181A232-69B0-7B16-B4F2-B9C7375B63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179030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C5B75E-5146-B72A-2D68-E79F275937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A3CFC96-45BB-2F1E-94FE-3AE8C526CCF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00A3078-7C61-C5B6-395E-AD01DC87FDC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9451003-FE33-DC8D-6564-3F9AE630E2C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C048725-216D-7FBF-AA88-96163DF3117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3159FA0-5DD9-E755-CB23-89664E73BF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4EEA4B2-EB36-39B5-5293-717D2D4266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753D84E-8E6E-C97C-1F56-7C43E53536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202405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1BC95F-B696-C9CB-0CEA-87A6805D6F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B6B22E3-7B2E-9DFE-B8F0-703514A098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9EC95A0-D372-34E1-FD6F-4926CCC9CB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79AF14-B994-0FCC-A34F-F0C5B30740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0039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A267513-3F25-CB57-931A-C475823B74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0C12B24-9366-9D37-6C90-DF0D1B3556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904588E-40B6-B558-A6A6-9E0B4D0F60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04348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849DF6-3B73-2111-966F-6AB82902E3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07CB909-85D2-1B2C-E723-583BC34D032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96A1E12-C262-3A34-474C-F51F5C01FBB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AA63559-A873-BEF8-4174-94E4DC12BF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765DF2D-52E3-2D8B-589F-0F102304B9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2D40AA9-4F3A-D2DE-34C7-F2535D8755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22430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48D746-A15C-254D-2E99-C966DA2EEB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F020E55-4275-47F6-2743-6FA77E0D612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7526AD-EA16-4058-8485-6D7F40C3082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C13258C-37A6-8AE6-58D3-25742409BB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4B68D6C-0F02-426D-C6E6-78007A3993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07AB05D-D584-986C-C7A8-49DDFDFE9A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137539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7280209-E708-193F-CE83-098FA644F3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17575D4-BF10-B337-023A-74F434C0090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B53210-4ED0-DF20-7450-0C043D885A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0718C6E5-DB94-4B50-A3FE-4E12AB6E3DFD}" type="datetimeFigureOut">
              <a:rPr lang="en-US" smtClean="0"/>
              <a:t>6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EE62203-7B57-6B09-6850-8DF71C4AEF7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E5C75BC-F094-1019-B948-FF3D3CB4D2E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E42252D4-5A4D-4459-B033-1DD95D5343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68240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FF07BF7-39B3-D1D7-EE9D-A70472C6BE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4B9F52-DF31-D026-538A-3EDEEA4F429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0B25D95-5B16-6DD5-1270-24BA6E773A1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FC1D8AA-85F3-4DB2-A757-453DD0688F9F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E1D03F4-5CCA-1538-BCFD-3AACFC6E00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160831F-AE77-16B6-D4B7-637C80CAECA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406663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slideLayout" Target="../slideLayouts/slideLayout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image" Target="../media/image3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2931492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8" name="OTLSHAPE_SL_7147b970c1ca455cb1b0564dac8e3735_BackgroundRectangle">
            <a:extLst>
              <a:ext uri="{FF2B5EF4-FFF2-40B4-BE49-F238E27FC236}">
                <a16:creationId xmlns:a16="http://schemas.microsoft.com/office/drawing/2014/main" id="{5B8ECF04-3C8D-6E3F-2D26-DAD96163E1F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90368"/>
            <a:ext cx="11290300" cy="1103884"/>
          </a:xfrm>
          <a:prstGeom prst="rect">
            <a:avLst/>
          </a:prstGeom>
          <a:solidFill>
            <a:srgbClr val="E7E6E6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_e7a1a9491a6c4da0a7241345d0b5d11a_BackgroundRectangle">
            <a:extLst>
              <a:ext uri="{FF2B5EF4-FFF2-40B4-BE49-F238E27FC236}">
                <a16:creationId xmlns:a16="http://schemas.microsoft.com/office/drawing/2014/main" id="{51FE76F4-7689-8B36-8FD6-C3D92D1BB6A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857752"/>
            <a:ext cx="11290300" cy="1103884"/>
          </a:xfrm>
          <a:prstGeom prst="rect">
            <a:avLst/>
          </a:prstGeom>
          <a:solidFill>
            <a:srgbClr val="E7E6E6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6187063781a64edf9fd7d81603771223_BackgroundRectangle">
            <a:extLst>
              <a:ext uri="{FF2B5EF4-FFF2-40B4-BE49-F238E27FC236}">
                <a16:creationId xmlns:a16="http://schemas.microsoft.com/office/drawing/2014/main" id="{176E1E9F-3212-116A-DB0D-51D2217B9B9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25136"/>
            <a:ext cx="11290300" cy="875792"/>
          </a:xfrm>
          <a:prstGeom prst="rect">
            <a:avLst/>
          </a:prstGeom>
          <a:solidFill>
            <a:srgbClr val="E7E6E6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2A_d8ca09d6255c46eaa4115782606b1e6b_BackgroundRectangle" hidden="1">
            <a:extLst>
              <a:ext uri="{FF2B5EF4-FFF2-40B4-BE49-F238E27FC236}">
                <a16:creationId xmlns:a16="http://schemas.microsoft.com/office/drawing/2014/main" id="{96B4F54E-4E67-D6AD-4EA0-F13D7A32837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2690368"/>
            <a:ext cx="10388600" cy="1103884"/>
          </a:xfrm>
          <a:prstGeom prst="rect">
            <a:avLst/>
          </a:prstGeom>
          <a:solidFill>
            <a:srgbClr val="E7E6E6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2A_dce6a3dae5e1485991af577813dcfb2b_BackgroundRectangle" hidden="1">
            <a:extLst>
              <a:ext uri="{FF2B5EF4-FFF2-40B4-BE49-F238E27FC236}">
                <a16:creationId xmlns:a16="http://schemas.microsoft.com/office/drawing/2014/main" id="{48616B97-4C86-51D2-D439-A04ED08BE95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5200" y="3857752"/>
            <a:ext cx="10388600" cy="1103884"/>
          </a:xfrm>
          <a:prstGeom prst="rect">
            <a:avLst/>
          </a:prstGeom>
          <a:solidFill>
            <a:srgbClr val="E7E6E6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3aead79141394763babe5dc64aec0b06_BackgroundRectangle" hidden="1">
            <a:extLst>
              <a:ext uri="{FF2B5EF4-FFF2-40B4-BE49-F238E27FC236}">
                <a16:creationId xmlns:a16="http://schemas.microsoft.com/office/drawing/2014/main" id="{F342DA80-187E-4D06-20D8-DB2E9CD3E28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5025136"/>
            <a:ext cx="10388600" cy="875792"/>
          </a:xfrm>
          <a:prstGeom prst="rect">
            <a:avLst/>
          </a:prstGeom>
          <a:solidFill>
            <a:srgbClr val="E7E6E6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E42D0B64-5809-A7DC-9C29-16D2580EB10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7FDF278F-BB89-ACBF-4F11-10EA015C8256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184" name="OTLSHAPE_TB_00000000000000000000000000000000_ScaleContainer">
            <a:extLst>
              <a:ext uri="{FF2B5EF4-FFF2-40B4-BE49-F238E27FC236}">
                <a16:creationId xmlns:a16="http://schemas.microsoft.com/office/drawing/2014/main" id="{C66918BC-98B0-7EBC-35ED-5C4EE41342F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92200" y="1920240"/>
            <a:ext cx="10261600" cy="182880"/>
          </a:xfrm>
          <a:prstGeom prst="round2SameRect">
            <a:avLst/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9" name="OTLSHAPE_SL_7147b970c1ca455cb1b0564dac8e3735_HeaderRectangle">
            <a:extLst>
              <a:ext uri="{FF2B5EF4-FFF2-40B4-BE49-F238E27FC236}">
                <a16:creationId xmlns:a16="http://schemas.microsoft.com/office/drawing/2014/main" id="{A673C075-A71F-6907-5C9B-CEA822BF8E0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690368"/>
            <a:ext cx="901700" cy="1103884"/>
          </a:xfrm>
          <a:prstGeom prst="rect">
            <a:avLst/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_e7a1a9491a6c4da0a7241345d0b5d11a_HeaderRectangle">
            <a:extLst>
              <a:ext uri="{FF2B5EF4-FFF2-40B4-BE49-F238E27FC236}">
                <a16:creationId xmlns:a16="http://schemas.microsoft.com/office/drawing/2014/main" id="{4C27B910-BF7E-4E95-9A6B-0A7B39C1F0D5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857752"/>
            <a:ext cx="901700" cy="1103884"/>
          </a:xfrm>
          <a:prstGeom prst="rect">
            <a:avLst/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SL_6187063781a64edf9fd7d81603771223_HeaderRectangle">
            <a:extLst>
              <a:ext uri="{FF2B5EF4-FFF2-40B4-BE49-F238E27FC236}">
                <a16:creationId xmlns:a16="http://schemas.microsoft.com/office/drawing/2014/main" id="{DF60C252-8A05-47E8-3EF8-27E7F57073C1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025136"/>
            <a:ext cx="901700" cy="875792"/>
          </a:xfrm>
          <a:prstGeom prst="rect">
            <a:avLst/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TB_00000000000000000000000000000000_MiddleScaleContainer">
            <a:extLst>
              <a:ext uri="{FF2B5EF4-FFF2-40B4-BE49-F238E27FC236}">
                <a16:creationId xmlns:a16="http://schemas.microsoft.com/office/drawing/2014/main" id="{F9353265-B30F-C661-E45B-E95AE8DAA14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2200" y="2112264"/>
            <a:ext cx="10261600" cy="182880"/>
          </a:xfrm>
          <a:prstGeom prst="rect">
            <a:avLst/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6" name="OTLSHAPE_TB_00000000000000000000000000000000_BottomScaleContainer">
            <a:extLst>
              <a:ext uri="{FF2B5EF4-FFF2-40B4-BE49-F238E27FC236}">
                <a16:creationId xmlns:a16="http://schemas.microsoft.com/office/drawing/2014/main" id="{E716A1AA-78B2-CAB2-3B78-3F60BBB0C44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200" y="2304288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SL2A_d8ca09d6255c46eaa4115782606b1e6b_HeaderRectangle" hidden="1">
            <a:extLst>
              <a:ext uri="{FF2B5EF4-FFF2-40B4-BE49-F238E27FC236}">
                <a16:creationId xmlns:a16="http://schemas.microsoft.com/office/drawing/2014/main" id="{F9012625-DDB1-6B4A-FA68-F80BABA51AE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65200" y="2690368"/>
            <a:ext cx="0" cy="0"/>
          </a:xfrm>
          <a:prstGeom prst="rect">
            <a:avLst/>
          </a:prstGeom>
          <a:solidFill>
            <a:srgbClr val="2B3A67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dce6a3dae5e1485991af577813dcfb2b_HeaderRectangle" hidden="1">
            <a:extLst>
              <a:ext uri="{FF2B5EF4-FFF2-40B4-BE49-F238E27FC236}">
                <a16:creationId xmlns:a16="http://schemas.microsoft.com/office/drawing/2014/main" id="{E6AEFF86-6417-1039-67F2-C4509CA123F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65200" y="3857752"/>
            <a:ext cx="0" cy="0"/>
          </a:xfrm>
          <a:prstGeom prst="rect">
            <a:avLst/>
          </a:prstGeom>
          <a:solidFill>
            <a:srgbClr val="496A81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SL2A_3aead79141394763babe5dc64aec0b06_HeaderRectangle" hidden="1">
            <a:extLst>
              <a:ext uri="{FF2B5EF4-FFF2-40B4-BE49-F238E27FC236}">
                <a16:creationId xmlns:a16="http://schemas.microsoft.com/office/drawing/2014/main" id="{8A1C6B52-2630-8ECC-0493-9064654A176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65200" y="5025136"/>
            <a:ext cx="0" cy="0"/>
          </a:xfrm>
          <a:prstGeom prst="rect">
            <a:avLst/>
          </a:prstGeom>
          <a:solidFill>
            <a:srgbClr val="66999B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7" name="OTLSHAPE_G_00000000000000000000000000000000_ShapeBelow0">
            <a:extLst>
              <a:ext uri="{FF2B5EF4-FFF2-40B4-BE49-F238E27FC236}">
                <a16:creationId xmlns:a16="http://schemas.microsoft.com/office/drawing/2014/main" id="{95BC983F-3C2D-F201-484E-15E19DA1077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239999" y="2487168"/>
            <a:ext cx="0" cy="341376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G_00000000000000000000000000000000_ShapeBelow1">
            <a:extLst>
              <a:ext uri="{FF2B5EF4-FFF2-40B4-BE49-F238E27FC236}">
                <a16:creationId xmlns:a16="http://schemas.microsoft.com/office/drawing/2014/main" id="{9911BEAC-8608-F16E-6605-3B0DA236239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387798" y="2487168"/>
            <a:ext cx="0" cy="341376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G_00000000000000000000000000000000_ShapeBelow2">
            <a:extLst>
              <a:ext uri="{FF2B5EF4-FFF2-40B4-BE49-F238E27FC236}">
                <a16:creationId xmlns:a16="http://schemas.microsoft.com/office/drawing/2014/main" id="{43A04153-321F-C25B-3168-BF261E043E7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510645" y="2487168"/>
            <a:ext cx="0" cy="341376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G_00000000000000000000000000000000_ShapeBelow3">
            <a:extLst>
              <a:ext uri="{FF2B5EF4-FFF2-40B4-BE49-F238E27FC236}">
                <a16:creationId xmlns:a16="http://schemas.microsoft.com/office/drawing/2014/main" id="{530B9144-4998-0B96-3500-C2F604D49C49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645968" y="2487168"/>
            <a:ext cx="0" cy="341376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G_00000000000000000000000000000000_ShapeBelow4">
            <a:extLst>
              <a:ext uri="{FF2B5EF4-FFF2-40B4-BE49-F238E27FC236}">
                <a16:creationId xmlns:a16="http://schemas.microsoft.com/office/drawing/2014/main" id="{0C81BD39-50AD-1FD0-84D7-361F3CDC2E83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793767" y="2487168"/>
            <a:ext cx="0" cy="341376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G_00000000000000000000000000000000_ShapeBelow5">
            <a:extLst>
              <a:ext uri="{FF2B5EF4-FFF2-40B4-BE49-F238E27FC236}">
                <a16:creationId xmlns:a16="http://schemas.microsoft.com/office/drawing/2014/main" id="{84F39897-2BBE-71A4-C0F3-6726DB26C98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941566" y="2487168"/>
            <a:ext cx="0" cy="341376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G_00000000000000000000000000000000_ShapeBelow6">
            <a:extLst>
              <a:ext uri="{FF2B5EF4-FFF2-40B4-BE49-F238E27FC236}">
                <a16:creationId xmlns:a16="http://schemas.microsoft.com/office/drawing/2014/main" id="{E066AEF7-E30E-58F8-906E-2BE1D997ADDB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064413" y="2487168"/>
            <a:ext cx="0" cy="341376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G_00000000000000000000000000000000_ShapeBelow7">
            <a:extLst>
              <a:ext uri="{FF2B5EF4-FFF2-40B4-BE49-F238E27FC236}">
                <a16:creationId xmlns:a16="http://schemas.microsoft.com/office/drawing/2014/main" id="{36744A44-ACF4-F662-BAA7-0093E328111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199736" y="2487168"/>
            <a:ext cx="0" cy="341376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SLT_914762bf9d25486ebb2fc1f0853b4557_Shape">
            <a:extLst>
              <a:ext uri="{FF2B5EF4-FFF2-40B4-BE49-F238E27FC236}">
                <a16:creationId xmlns:a16="http://schemas.microsoft.com/office/drawing/2014/main" id="{D76DF64F-0AFB-F995-F3B2-321131AD63A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429054" y="2956560"/>
            <a:ext cx="37846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SLT_b6a1e73ae64148c7a13c7e6f8b7f003d_Shape">
            <a:extLst>
              <a:ext uri="{FF2B5EF4-FFF2-40B4-BE49-F238E27FC236}">
                <a16:creationId xmlns:a16="http://schemas.microsoft.com/office/drawing/2014/main" id="{A93AC77E-2E0E-62CE-FFED-933DE8BC811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583587" y="4123944"/>
            <a:ext cx="39370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SLT_8c1de29939c145dbb44c35612753e7f5_Shape">
            <a:extLst>
              <a:ext uri="{FF2B5EF4-FFF2-40B4-BE49-F238E27FC236}">
                <a16:creationId xmlns:a16="http://schemas.microsoft.com/office/drawing/2014/main" id="{3B2E268B-11C8-F5F5-3BED-B106D2E6D83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303372" y="5063236"/>
            <a:ext cx="25273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M_273af180f7ed4bafb491d046a5dbaffb_Shape">
            <a:extLst>
              <a:ext uri="{FF2B5EF4-FFF2-40B4-BE49-F238E27FC236}">
                <a16:creationId xmlns:a16="http://schemas.microsoft.com/office/drawing/2014/main" id="{4A13BFB0-F84B-2EAA-2D3E-610030A0206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12449" y="3502152"/>
            <a:ext cx="228600" cy="254000"/>
          </a:xfrm>
          <a:prstGeom prst="star8">
            <a:avLst/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76" name="OTLSHAPE_SLM_ad492a13ead4469fa30848a74adfd5f5_Shape">
            <a:extLst>
              <a:ext uri="{FF2B5EF4-FFF2-40B4-BE49-F238E27FC236}">
                <a16:creationId xmlns:a16="http://schemas.microsoft.com/office/drawing/2014/main" id="{D8EB6CB4-8FF7-319F-4591-3591DCCF267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876169" y="3502152"/>
            <a:ext cx="228600" cy="254000"/>
          </a:xfrm>
          <a:prstGeom prst="star8">
            <a:avLst/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7" name="OTLSHAPE_SLM_9631593784774975891ff25e4242dd28_Shape">
            <a:extLst>
              <a:ext uri="{FF2B5EF4-FFF2-40B4-BE49-F238E27FC236}">
                <a16:creationId xmlns:a16="http://schemas.microsoft.com/office/drawing/2014/main" id="{5556C68F-4E74-7E9A-B211-F29AD9AD388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23776" y="3502152"/>
            <a:ext cx="228600" cy="254000"/>
          </a:xfrm>
          <a:prstGeom prst="star8">
            <a:avLst/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0" name="OTLSHAPE_SLM_c1bb27f7d895400eb5da29b2c10e43b8_Shape">
            <a:extLst>
              <a:ext uri="{FF2B5EF4-FFF2-40B4-BE49-F238E27FC236}">
                <a16:creationId xmlns:a16="http://schemas.microsoft.com/office/drawing/2014/main" id="{41916DCE-2CF5-DEAC-F5D4-3FCBEB9FAB7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417237" y="4669536"/>
            <a:ext cx="254000" cy="254000"/>
          </a:xfrm>
          <a:prstGeom prst="ellipse">
            <a:avLst/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M_5643b272fe144d7ab4a472548b6a0449_Shape">
            <a:extLst>
              <a:ext uri="{FF2B5EF4-FFF2-40B4-BE49-F238E27FC236}">
                <a16:creationId xmlns:a16="http://schemas.microsoft.com/office/drawing/2014/main" id="{9F70C403-1501-3E58-443D-D73CF81EF64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438361" y="4669536"/>
            <a:ext cx="254000" cy="254000"/>
          </a:xfrm>
          <a:prstGeom prst="ellipse">
            <a:avLst/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M_8d20a8dd782b4feeb4b4d2a199f4fb33_Shape">
            <a:extLst>
              <a:ext uri="{FF2B5EF4-FFF2-40B4-BE49-F238E27FC236}">
                <a16:creationId xmlns:a16="http://schemas.microsoft.com/office/drawing/2014/main" id="{BA767F26-A49A-3C69-1E3A-B5C63078137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452751" y="4669536"/>
            <a:ext cx="254000" cy="254000"/>
          </a:xfrm>
          <a:prstGeom prst="ellipse">
            <a:avLst/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1" name="OTLSHAPE_SLM_46a9bab3a4cf4cc4a2e088546b53838c_Shape">
            <a:extLst>
              <a:ext uri="{FF2B5EF4-FFF2-40B4-BE49-F238E27FC236}">
                <a16:creationId xmlns:a16="http://schemas.microsoft.com/office/drawing/2014/main" id="{7BBBA457-25AD-BA30-85D1-E147EAEC438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775439" y="5608828"/>
            <a:ext cx="228600" cy="254000"/>
          </a:xfrm>
          <a:prstGeom prst="diamond">
            <a:avLst/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M_39902ecf35e74c7a966c3e50ff6a55fe_Shape">
            <a:extLst>
              <a:ext uri="{FF2B5EF4-FFF2-40B4-BE49-F238E27FC236}">
                <a16:creationId xmlns:a16="http://schemas.microsoft.com/office/drawing/2014/main" id="{91BF5BF5-E980-CCAD-B33D-80AE93E104A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172760" y="5608828"/>
            <a:ext cx="228600" cy="254000"/>
          </a:xfrm>
          <a:prstGeom prst="diamond">
            <a:avLst/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" name="OTLSHAPE_SLM_61be5dbf98474c369c2b5d1efd87ddc9_Shape">
            <a:extLst>
              <a:ext uri="{FF2B5EF4-FFF2-40B4-BE49-F238E27FC236}">
                <a16:creationId xmlns:a16="http://schemas.microsoft.com/office/drawing/2014/main" id="{E7AE6417-F708-F43A-91D2-47654F5EAF3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474099" y="5608828"/>
            <a:ext cx="228600" cy="254000"/>
          </a:xfrm>
          <a:prstGeom prst="diamond">
            <a:avLst/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TB_00000000000000000000000000000000_ElapsedTime" hidden="1">
            <a:extLst>
              <a:ext uri="{FF2B5EF4-FFF2-40B4-BE49-F238E27FC236}">
                <a16:creationId xmlns:a16="http://schemas.microsoft.com/office/drawing/2014/main" id="{74AD10CC-33F4-52A7-C124-32318D26B0B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0922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T_914762bf9d25486ebb2fc1f0853b4557_ShapePercentage" hidden="1">
            <a:extLst>
              <a:ext uri="{FF2B5EF4-FFF2-40B4-BE49-F238E27FC236}">
                <a16:creationId xmlns:a16="http://schemas.microsoft.com/office/drawing/2014/main" id="{FA886DF8-6E30-71A8-A395-10C6751804B4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429054" y="295656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T_b6a1e73ae64148c7a13c7e6f8b7f003d_ShapePercentage" hidden="1">
            <a:extLst>
              <a:ext uri="{FF2B5EF4-FFF2-40B4-BE49-F238E27FC236}">
                <a16:creationId xmlns:a16="http://schemas.microsoft.com/office/drawing/2014/main" id="{D83E4DFB-1D1C-791B-8611-AEF13FBC80E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583587" y="412394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SLT_8c1de29939c145dbb44c35612753e7f5_ShapePercentage" hidden="1">
            <a:extLst>
              <a:ext uri="{FF2B5EF4-FFF2-40B4-BE49-F238E27FC236}">
                <a16:creationId xmlns:a16="http://schemas.microsoft.com/office/drawing/2014/main" id="{EAC9D117-73CF-061C-5931-A9467E85663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303372" y="506323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_7147b970c1ca455cb1b0564dac8e3735_Header">
            <a:extLst>
              <a:ext uri="{FF2B5EF4-FFF2-40B4-BE49-F238E27FC236}">
                <a16:creationId xmlns:a16="http://schemas.microsoft.com/office/drawing/2014/main" id="{4B8C39C9-EC24-88FD-4427-158CFF8867D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 rot="16200000">
            <a:off x="-37592" y="3124073"/>
            <a:ext cx="1103884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chemeClr val="lt1"/>
                </a:solidFill>
                <a:latin typeface="Segoe UI Semibold" panose="020B0702040204020203" pitchFamily="34" charset="0"/>
              </a:rPr>
              <a:t>Phase I</a:t>
            </a:r>
          </a:p>
        </p:txBody>
      </p:sp>
      <p:sp>
        <p:nvSpPr>
          <p:cNvPr id="103" name="OTLSHAPE_SL_e7a1a9491a6c4da0a7241345d0b5d11a_Header">
            <a:extLst>
              <a:ext uri="{FF2B5EF4-FFF2-40B4-BE49-F238E27FC236}">
                <a16:creationId xmlns:a16="http://schemas.microsoft.com/office/drawing/2014/main" id="{2780B7C0-B6E2-96E7-600E-8AE86E2545E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 rot="16200000">
            <a:off x="-37592" y="4291457"/>
            <a:ext cx="1103884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chemeClr val="lt1"/>
                </a:solidFill>
                <a:latin typeface="Segoe UI Semibold" panose="020B0702040204020203" pitchFamily="34" charset="0"/>
              </a:rPr>
              <a:t>Phase II</a:t>
            </a:r>
          </a:p>
        </p:txBody>
      </p:sp>
      <p:sp>
        <p:nvSpPr>
          <p:cNvPr id="106" name="OTLSHAPE_SL_6187063781a64edf9fd7d81603771223_Header">
            <a:extLst>
              <a:ext uri="{FF2B5EF4-FFF2-40B4-BE49-F238E27FC236}">
                <a16:creationId xmlns:a16="http://schemas.microsoft.com/office/drawing/2014/main" id="{BFE68900-D529-D6D5-77BB-76B4F0D1CAB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 rot="16200000">
            <a:off x="76454" y="5344795"/>
            <a:ext cx="875792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chemeClr val="lt1"/>
                </a:solidFill>
                <a:latin typeface="Segoe UI Semibold" panose="020B0702040204020203" pitchFamily="34" charset="0"/>
              </a:rPr>
              <a:t>Phase III</a:t>
            </a:r>
          </a:p>
        </p:txBody>
      </p:sp>
      <p:sp>
        <p:nvSpPr>
          <p:cNvPr id="30" name="OTLSHAPE_SL2A_d8ca09d6255c46eaa4115782606b1e6b_Header" hidden="1">
            <a:extLst>
              <a:ext uri="{FF2B5EF4-FFF2-40B4-BE49-F238E27FC236}">
                <a16:creationId xmlns:a16="http://schemas.microsoft.com/office/drawing/2014/main" id="{7BBB0652-36A8-F055-55ED-B7EF6A2E532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2A_dce6a3dae5e1485991af577813dcfb2b_Header" hidden="1">
            <a:extLst>
              <a:ext uri="{FF2B5EF4-FFF2-40B4-BE49-F238E27FC236}">
                <a16:creationId xmlns:a16="http://schemas.microsoft.com/office/drawing/2014/main" id="{FB61307E-21A3-13A2-7C2B-D42C65C8389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2A_3aead79141394763babe5dc64aec0b06_Header" hidden="1">
            <a:extLst>
              <a:ext uri="{FF2B5EF4-FFF2-40B4-BE49-F238E27FC236}">
                <a16:creationId xmlns:a16="http://schemas.microsoft.com/office/drawing/2014/main" id="{6A939449-5EC7-E47F-23AA-166ACDF994D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B_00000000000000000000000000000000_TodayMarkerShape" hidden="1">
            <a:extLst>
              <a:ext uri="{FF2B5EF4-FFF2-40B4-BE49-F238E27FC236}">
                <a16:creationId xmlns:a16="http://schemas.microsoft.com/office/drawing/2014/main" id="{9405A79F-7735-19A8-8224-B19304F6C3F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066074" y="2487168"/>
            <a:ext cx="63500" cy="6096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21A276C2-6D00-E325-7626-998EC0F39D9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155700" y="19186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D1A4C88-37CB-D496-1BFD-AD09ABAFEC0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451298" y="19186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6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9980BB82-D883-48CF-D192-AC5F4076AD5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005066" y="191865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7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M_273af180f7ed4bafb491d046a5dbaffb_Title">
            <a:extLst>
              <a:ext uri="{FF2B5EF4-FFF2-40B4-BE49-F238E27FC236}">
                <a16:creationId xmlns:a16="http://schemas.microsoft.com/office/drawing/2014/main" id="{95526D12-A496-83BC-CFCC-8F6C37CA956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222381" y="3299460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2</a:t>
            </a:r>
          </a:p>
        </p:txBody>
      </p:sp>
      <p:sp>
        <p:nvSpPr>
          <p:cNvPr id="122" name="OTLSHAPE_SLM_ad492a13ead4469fa30848a74adfd5f5_Title">
            <a:extLst>
              <a:ext uri="{FF2B5EF4-FFF2-40B4-BE49-F238E27FC236}">
                <a16:creationId xmlns:a16="http://schemas.microsoft.com/office/drawing/2014/main" id="{3CF26BC1-F52E-2AD2-13E0-66AD30C1B4F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39959" y="3527806"/>
            <a:ext cx="787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200" b="1" spc="-12">
                <a:solidFill>
                  <a:schemeClr val="dk1"/>
                </a:solidFill>
                <a:latin typeface="Segoe UI Semibold" panose="020B0702040204020203" pitchFamily="34" charset="0"/>
              </a:rPr>
              <a:t>Milestone 1</a:t>
            </a:r>
          </a:p>
        </p:txBody>
      </p:sp>
      <p:sp>
        <p:nvSpPr>
          <p:cNvPr id="126" name="OTLSHAPE_SLM_9631593784774975891ff25e4242dd28_Title">
            <a:extLst>
              <a:ext uri="{FF2B5EF4-FFF2-40B4-BE49-F238E27FC236}">
                <a16:creationId xmlns:a16="http://schemas.microsoft.com/office/drawing/2014/main" id="{4B2C72DB-4172-8E6A-18C5-BA74D90AE42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403176" y="3527806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Milestone 3</a:t>
            </a:r>
          </a:p>
        </p:txBody>
      </p:sp>
      <p:sp>
        <p:nvSpPr>
          <p:cNvPr id="131" name="OTLSHAPE_SLT_914762bf9d25486ebb2fc1f0853b4557_StartDate">
            <a:extLst>
              <a:ext uri="{FF2B5EF4-FFF2-40B4-BE49-F238E27FC236}">
                <a16:creationId xmlns:a16="http://schemas.microsoft.com/office/drawing/2014/main" id="{FEEB359C-D660-74EA-972F-6688489BF95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44667" y="3011805"/>
            <a:ext cx="342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2">
                <a:solidFill>
                  <a:srgbClr val="44546A"/>
                </a:solidFill>
                <a:latin typeface="Segoe UI Semibold" panose="020B0702040204020203" pitchFamily="34" charset="0"/>
              </a:rPr>
              <a:t>Jul 28</a:t>
            </a:r>
          </a:p>
        </p:txBody>
      </p:sp>
      <p:sp>
        <p:nvSpPr>
          <p:cNvPr id="132" name="OTLSHAPE_SLT_914762bf9d25486ebb2fc1f0853b4557_EndDate">
            <a:extLst>
              <a:ext uri="{FF2B5EF4-FFF2-40B4-BE49-F238E27FC236}">
                <a16:creationId xmlns:a16="http://schemas.microsoft.com/office/drawing/2014/main" id="{FC46A90B-8C1E-4528-752B-22EC0C101D5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260096" y="3011805"/>
            <a:ext cx="431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2">
                <a:solidFill>
                  <a:srgbClr val="44546A"/>
                </a:solidFill>
                <a:latin typeface="Segoe UI Semibold" panose="020B0702040204020203" pitchFamily="34" charset="0"/>
              </a:rPr>
              <a:t>May 26</a:t>
            </a:r>
            <a:endParaRPr lang="en-GB" sz="1000" b="1" spc="-12" dirty="0">
              <a:solidFill>
                <a:srgbClr val="44546A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134" name="OTLSHAPE_SLT_914762bf9d25486ebb2fc1f0853b4557_Title">
            <a:extLst>
              <a:ext uri="{FF2B5EF4-FFF2-40B4-BE49-F238E27FC236}">
                <a16:creationId xmlns:a16="http://schemas.microsoft.com/office/drawing/2014/main" id="{4BCD4D8F-6AD8-759E-575B-023AB67E039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087104" y="2978023"/>
            <a:ext cx="4699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28" dirty="0">
                <a:solidFill>
                  <a:schemeClr val="lt1"/>
                </a:solidFill>
                <a:latin typeface="Segoe UI Semibold" panose="020B0702040204020203" pitchFamily="34" charset="0"/>
              </a:rPr>
              <a:t>Task 1</a:t>
            </a:r>
          </a:p>
        </p:txBody>
      </p:sp>
      <p:sp>
        <p:nvSpPr>
          <p:cNvPr id="139" name="OTLSHAPE_SLM_c1bb27f7d895400eb5da29b2c10e43b8_Title">
            <a:extLst>
              <a:ext uri="{FF2B5EF4-FFF2-40B4-BE49-F238E27FC236}">
                <a16:creationId xmlns:a16="http://schemas.microsoft.com/office/drawing/2014/main" id="{44C7C24F-84A7-5C6D-C474-203B083E1C6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139869" y="4466844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5</a:t>
            </a:r>
          </a:p>
        </p:txBody>
      </p:sp>
      <p:sp>
        <p:nvSpPr>
          <p:cNvPr id="142" name="OTLSHAPE_SLM_5643b272fe144d7ab4a472548b6a0449_Title">
            <a:extLst>
              <a:ext uri="{FF2B5EF4-FFF2-40B4-BE49-F238E27FC236}">
                <a16:creationId xmlns:a16="http://schemas.microsoft.com/office/drawing/2014/main" id="{BA014628-0464-668F-F085-305FC66D4F0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162454" y="4466844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7</a:t>
            </a:r>
          </a:p>
        </p:txBody>
      </p:sp>
      <p:sp>
        <p:nvSpPr>
          <p:cNvPr id="145" name="OTLSHAPE_SLM_8d20a8dd782b4feeb4b4d2a199f4fb33_Title">
            <a:extLst>
              <a:ext uri="{FF2B5EF4-FFF2-40B4-BE49-F238E27FC236}">
                <a16:creationId xmlns:a16="http://schemas.microsoft.com/office/drawing/2014/main" id="{E73371C4-4EF6-32E9-CFCA-C6D41D02A23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175171" y="4466844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dk1"/>
                </a:solidFill>
                <a:latin typeface="Segoe UI Semibold" panose="020B0702040204020203" pitchFamily="34" charset="0"/>
              </a:rPr>
              <a:t>Milestone 6</a:t>
            </a:r>
          </a:p>
        </p:txBody>
      </p:sp>
      <p:sp>
        <p:nvSpPr>
          <p:cNvPr id="151" name="OTLSHAPE_SLT_b6a1e73ae64148c7a13c7e6f8b7f003d_StartDate">
            <a:extLst>
              <a:ext uri="{FF2B5EF4-FFF2-40B4-BE49-F238E27FC236}">
                <a16:creationId xmlns:a16="http://schemas.microsoft.com/office/drawing/2014/main" id="{F119D523-63A0-91FF-BC28-1D9287E4553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157968" y="4179189"/>
            <a:ext cx="381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4">
                <a:solidFill>
                  <a:srgbClr val="44546A"/>
                </a:solidFill>
                <a:latin typeface="Segoe UI Semibold" panose="020B0702040204020203" pitchFamily="34" charset="0"/>
              </a:rPr>
              <a:t>Jun 26</a:t>
            </a:r>
          </a:p>
        </p:txBody>
      </p:sp>
      <p:sp>
        <p:nvSpPr>
          <p:cNvPr id="152" name="OTLSHAPE_SLT_b6a1e73ae64148c7a13c7e6f8b7f003d_EndDate">
            <a:extLst>
              <a:ext uri="{FF2B5EF4-FFF2-40B4-BE49-F238E27FC236}">
                <a16:creationId xmlns:a16="http://schemas.microsoft.com/office/drawing/2014/main" id="{26F7CF66-021D-764A-C30A-3033EE37D9C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564343" y="4179189"/>
            <a:ext cx="368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6">
                <a:solidFill>
                  <a:srgbClr val="44546A"/>
                </a:solidFill>
                <a:latin typeface="Segoe UI Semibold" panose="020B0702040204020203" pitchFamily="34" charset="0"/>
              </a:rPr>
              <a:t>May 6</a:t>
            </a:r>
          </a:p>
        </p:txBody>
      </p:sp>
      <p:sp>
        <p:nvSpPr>
          <p:cNvPr id="154" name="OTLSHAPE_SLT_b6a1e73ae64148c7a13c7e6f8b7f003d_Title">
            <a:extLst>
              <a:ext uri="{FF2B5EF4-FFF2-40B4-BE49-F238E27FC236}">
                <a16:creationId xmlns:a16="http://schemas.microsoft.com/office/drawing/2014/main" id="{CF2A1F79-6279-E3A7-C8B8-6147C44521A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302905" y="4145407"/>
            <a:ext cx="4953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28" dirty="0">
                <a:solidFill>
                  <a:schemeClr val="lt1"/>
                </a:solidFill>
                <a:latin typeface="Segoe UI Semibold" panose="020B0702040204020203" pitchFamily="34" charset="0"/>
              </a:rPr>
              <a:t>Task 2</a:t>
            </a:r>
          </a:p>
        </p:txBody>
      </p:sp>
      <p:sp>
        <p:nvSpPr>
          <p:cNvPr id="159" name="OTLSHAPE_SLM_46a9bab3a4cf4cc4a2e088546b53838c_Title">
            <a:extLst>
              <a:ext uri="{FF2B5EF4-FFF2-40B4-BE49-F238E27FC236}">
                <a16:creationId xmlns:a16="http://schemas.microsoft.com/office/drawing/2014/main" id="{2EDFF8F2-1F4F-4071-B5FE-CC6F7F737CD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854604" y="5634482"/>
            <a:ext cx="876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10</a:t>
            </a:r>
          </a:p>
        </p:txBody>
      </p:sp>
      <p:sp>
        <p:nvSpPr>
          <p:cNvPr id="162" name="OTLSHAPE_SLM_39902ecf35e74c7a966c3e50ff6a55fe_Title">
            <a:extLst>
              <a:ext uri="{FF2B5EF4-FFF2-40B4-BE49-F238E27FC236}">
                <a16:creationId xmlns:a16="http://schemas.microsoft.com/office/drawing/2014/main" id="{B2F2582B-8FDA-9D29-3A66-337D594ADB9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452160" y="5634482"/>
            <a:ext cx="876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12</a:t>
            </a:r>
          </a:p>
        </p:txBody>
      </p:sp>
      <p:sp>
        <p:nvSpPr>
          <p:cNvPr id="165" name="OTLSHAPE_SLM_61be5dbf98474c369c2b5d1efd87ddc9_Title">
            <a:extLst>
              <a:ext uri="{FF2B5EF4-FFF2-40B4-BE49-F238E27FC236}">
                <a16:creationId xmlns:a16="http://schemas.microsoft.com/office/drawing/2014/main" id="{2EF9193B-E8EB-DC4E-DB4E-F3935F36D0D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165045" y="5406136"/>
            <a:ext cx="850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11</a:t>
            </a:r>
          </a:p>
        </p:txBody>
      </p:sp>
      <p:sp>
        <p:nvSpPr>
          <p:cNvPr id="171" name="OTLSHAPE_SLT_8c1de29939c145dbb44c35612753e7f5_StartDate">
            <a:extLst>
              <a:ext uri="{FF2B5EF4-FFF2-40B4-BE49-F238E27FC236}">
                <a16:creationId xmlns:a16="http://schemas.microsoft.com/office/drawing/2014/main" id="{5D4E8D4D-F8B2-903B-02F5-130E3A3A0D1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887363" y="5118481"/>
            <a:ext cx="368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4">
                <a:solidFill>
                  <a:srgbClr val="44546A"/>
                </a:solidFill>
                <a:latin typeface="Segoe UI Semibold" panose="020B0702040204020203" pitchFamily="34" charset="0"/>
              </a:rPr>
              <a:t>Jan 30</a:t>
            </a:r>
            <a:endParaRPr lang="en-GB" sz="1000" b="1" spc="-14" dirty="0">
              <a:solidFill>
                <a:srgbClr val="44546A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172" name="OTLSHAPE_SLT_8c1de29939c145dbb44c35612753e7f5_EndDate">
            <a:extLst>
              <a:ext uri="{FF2B5EF4-FFF2-40B4-BE49-F238E27FC236}">
                <a16:creationId xmlns:a16="http://schemas.microsoft.com/office/drawing/2014/main" id="{DB3BB7CD-92E6-8B39-B731-D5C958B4EE6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874331" y="5118481"/>
            <a:ext cx="3937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2">
                <a:solidFill>
                  <a:srgbClr val="44546A"/>
                </a:solidFill>
                <a:latin typeface="Segoe UI Semibold" panose="020B0702040204020203" pitchFamily="34" charset="0"/>
              </a:rPr>
              <a:t>Aug 19</a:t>
            </a:r>
          </a:p>
        </p:txBody>
      </p:sp>
      <p:sp>
        <p:nvSpPr>
          <p:cNvPr id="174" name="OTLSHAPE_SLT_8c1de29939c145dbb44c35612753e7f5_Title">
            <a:extLst>
              <a:ext uri="{FF2B5EF4-FFF2-40B4-BE49-F238E27FC236}">
                <a16:creationId xmlns:a16="http://schemas.microsoft.com/office/drawing/2014/main" id="{5DA37DB4-ACD6-0759-1921-9734B9EB695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317791" y="5084699"/>
            <a:ext cx="4953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28" dirty="0">
                <a:solidFill>
                  <a:schemeClr val="lt1"/>
                </a:solidFill>
                <a:latin typeface="Segoe UI Semibold" panose="020B0702040204020203" pitchFamily="34" charset="0"/>
              </a:rPr>
              <a:t>Task 3</a:t>
            </a:r>
          </a:p>
        </p:txBody>
      </p:sp>
      <p:sp>
        <p:nvSpPr>
          <p:cNvPr id="187" name="OTLSHAPE_TB_00000000000000000000000000000000_MiddleTimescaleInterval1">
            <a:extLst>
              <a:ext uri="{FF2B5EF4-FFF2-40B4-BE49-F238E27FC236}">
                <a16:creationId xmlns:a16="http://schemas.microsoft.com/office/drawing/2014/main" id="{B727AFBD-CF19-59CA-35DD-034A6096E45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155700" y="211067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88" name="OTLSHAPE_TB_00000000000000000000000000000000_MiddleTimescaleInterval2">
            <a:extLst>
              <a:ext uri="{FF2B5EF4-FFF2-40B4-BE49-F238E27FC236}">
                <a16:creationId xmlns:a16="http://schemas.microsoft.com/office/drawing/2014/main" id="{20F99744-E6C9-633C-7611-145E8BCC2F7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303499" y="211067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89" name="OTLSHAPE_TB_00000000000000000000000000000000_MiddleTimescaleInterval3">
            <a:extLst>
              <a:ext uri="{FF2B5EF4-FFF2-40B4-BE49-F238E27FC236}">
                <a16:creationId xmlns:a16="http://schemas.microsoft.com/office/drawing/2014/main" id="{416376D0-6CB6-F01B-1C8C-ABA44807999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451298" y="211067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90" name="OTLSHAPE_TB_00000000000000000000000000000000_MiddleTimescaleInterval4">
            <a:extLst>
              <a:ext uri="{FF2B5EF4-FFF2-40B4-BE49-F238E27FC236}">
                <a16:creationId xmlns:a16="http://schemas.microsoft.com/office/drawing/2014/main" id="{7729A7FF-64A6-ED02-7EAD-BA4E7696A17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574145" y="211067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91" name="OTLSHAPE_TB_00000000000000000000000000000000_MiddleTimescaleInterval5">
            <a:extLst>
              <a:ext uri="{FF2B5EF4-FFF2-40B4-BE49-F238E27FC236}">
                <a16:creationId xmlns:a16="http://schemas.microsoft.com/office/drawing/2014/main" id="{7AA3CE91-9421-1396-BFA8-D5F41514BBA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709468" y="211067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92" name="OTLSHAPE_TB_00000000000000000000000000000000_MiddleTimescaleInterval6">
            <a:extLst>
              <a:ext uri="{FF2B5EF4-FFF2-40B4-BE49-F238E27FC236}">
                <a16:creationId xmlns:a16="http://schemas.microsoft.com/office/drawing/2014/main" id="{64F0F75C-E04F-09BA-34AB-1E01D08A020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857267" y="211067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93" name="OTLSHAPE_TB_00000000000000000000000000000000_MiddleTimescaleInterval7">
            <a:extLst>
              <a:ext uri="{FF2B5EF4-FFF2-40B4-BE49-F238E27FC236}">
                <a16:creationId xmlns:a16="http://schemas.microsoft.com/office/drawing/2014/main" id="{2718B08B-3757-BE7A-F308-360BA2E8F1D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005066" y="211067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96" name="OTLSHAPE_TB_00000000000000000000000000000000_BottomTimescaleInterval1">
            <a:extLst>
              <a:ext uri="{FF2B5EF4-FFF2-40B4-BE49-F238E27FC236}">
                <a16:creationId xmlns:a16="http://schemas.microsoft.com/office/drawing/2014/main" id="{5E868A40-CA85-5F5E-8328-A11F8AE958D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155700" y="2302701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97" name="OTLSHAPE_TB_00000000000000000000000000000000_BottomTimescaleInterval2">
            <a:extLst>
              <a:ext uri="{FF2B5EF4-FFF2-40B4-BE49-F238E27FC236}">
                <a16:creationId xmlns:a16="http://schemas.microsoft.com/office/drawing/2014/main" id="{2FC6A271-05D6-15E3-0194-0B147AFA679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303499" y="2302701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98" name="OTLSHAPE_TB_00000000000000000000000000000000_BottomTimescaleInterval3">
            <a:extLst>
              <a:ext uri="{FF2B5EF4-FFF2-40B4-BE49-F238E27FC236}">
                <a16:creationId xmlns:a16="http://schemas.microsoft.com/office/drawing/2014/main" id="{B996E5C7-D2E6-BBE9-4F54-E69855BEE81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451298" y="2302701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99" name="OTLSHAPE_TB_00000000000000000000000000000000_BottomTimescaleInterval4">
            <a:extLst>
              <a:ext uri="{FF2B5EF4-FFF2-40B4-BE49-F238E27FC236}">
                <a16:creationId xmlns:a16="http://schemas.microsoft.com/office/drawing/2014/main" id="{CD550421-F34B-5CF8-F3B2-B1787EF034A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574145" y="2302701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00" name="OTLSHAPE_TB_00000000000000000000000000000000_BottomTimescaleInterval5">
            <a:extLst>
              <a:ext uri="{FF2B5EF4-FFF2-40B4-BE49-F238E27FC236}">
                <a16:creationId xmlns:a16="http://schemas.microsoft.com/office/drawing/2014/main" id="{94E2EB37-78FA-B3F1-6B7A-DE84B213B35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709468" y="2302701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01" name="OTLSHAPE_TB_00000000000000000000000000000000_BottomTimescaleInterval6">
            <a:extLst>
              <a:ext uri="{FF2B5EF4-FFF2-40B4-BE49-F238E27FC236}">
                <a16:creationId xmlns:a16="http://schemas.microsoft.com/office/drawing/2014/main" id="{2425D4DD-63D0-16A3-D8E4-CC71A09E178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857267" y="2302701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02" name="OTLSHAPE_TB_00000000000000000000000000000000_BottomTimescaleInterval7">
            <a:extLst>
              <a:ext uri="{FF2B5EF4-FFF2-40B4-BE49-F238E27FC236}">
                <a16:creationId xmlns:a16="http://schemas.microsoft.com/office/drawing/2014/main" id="{0D19724F-7CF3-7579-B91D-C3274557EC2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005066" y="2302701"/>
            <a:ext cx="2035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03" name="OTLSHAPE_TB_00000000000000000000000000000000_BottomTimescaleInterval8">
            <a:extLst>
              <a:ext uri="{FF2B5EF4-FFF2-40B4-BE49-F238E27FC236}">
                <a16:creationId xmlns:a16="http://schemas.microsoft.com/office/drawing/2014/main" id="{5FD2894F-CBBD-D1EB-42F9-9148D631BB9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127913" y="2302701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04" name="OTLSHAPE_TB_00000000000000000000000000000000_BottomTimescaleInterval9">
            <a:extLst>
              <a:ext uri="{FF2B5EF4-FFF2-40B4-BE49-F238E27FC236}">
                <a16:creationId xmlns:a16="http://schemas.microsoft.com/office/drawing/2014/main" id="{5B12E2FB-06B8-E7CE-5D5E-456638D640D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263236" y="2302701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2" name="OTLSHAPE_TB_00000000000000000000000000000000_MiddleTimescaleInterval8">
            <a:extLst>
              <a:ext uri="{FF2B5EF4-FFF2-40B4-BE49-F238E27FC236}">
                <a16:creationId xmlns:a16="http://schemas.microsoft.com/office/drawing/2014/main" id="{1244A90D-997B-2170-26E1-9FE6AAE43F3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127913" y="211067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5" name="OTLSHAPE_TB_00000000000000000000000000000000_MiddleTimescaleInterval9">
            <a:extLst>
              <a:ext uri="{FF2B5EF4-FFF2-40B4-BE49-F238E27FC236}">
                <a16:creationId xmlns:a16="http://schemas.microsoft.com/office/drawing/2014/main" id="{4C973D3B-D554-D1C6-D3B5-851EA01A381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263236" y="211067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6" name="OTLSHAPE_TB_00000000000000000000000000000000_TodayMarkerText" hidden="1">
            <a:extLst>
              <a:ext uri="{FF2B5EF4-FFF2-40B4-BE49-F238E27FC236}">
                <a16:creationId xmlns:a16="http://schemas.microsoft.com/office/drawing/2014/main" id="{3618F3EC-83F4-7BB6-4D33-E9270BBC14F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3" name="OTLSHAPE_SLT_914762bf9d25486ebb2fc1f0853b4557_Duration" hidden="1">
            <a:extLst>
              <a:ext uri="{FF2B5EF4-FFF2-40B4-BE49-F238E27FC236}">
                <a16:creationId xmlns:a16="http://schemas.microsoft.com/office/drawing/2014/main" id="{FA6CB672-AB58-C53C-3AD1-12EF9245F03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17 days</a:t>
            </a:r>
          </a:p>
        </p:txBody>
      </p:sp>
      <p:sp>
        <p:nvSpPr>
          <p:cNvPr id="44" name="OTLSHAPE_SLT_914762bf9d25486ebb2fc1f0853b4557_TextPercentage" hidden="1">
            <a:extLst>
              <a:ext uri="{FF2B5EF4-FFF2-40B4-BE49-F238E27FC236}">
                <a16:creationId xmlns:a16="http://schemas.microsoft.com/office/drawing/2014/main" id="{91D40854-E899-F33B-3E00-853FD067C33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914762bf9d25486ebb2fc1f0853b4557_JoinedDate" hidden="1">
            <a:extLst>
              <a:ext uri="{FF2B5EF4-FFF2-40B4-BE49-F238E27FC236}">
                <a16:creationId xmlns:a16="http://schemas.microsoft.com/office/drawing/2014/main" id="{F56918F1-AF0F-7CCF-DFE6-2876B1CC0B2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44546A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48" name="OTLSHAPE_SLM_ad492a13ead4469fa30848a74adfd5f5_Date" hidden="1">
            <a:extLst>
              <a:ext uri="{FF2B5EF4-FFF2-40B4-BE49-F238E27FC236}">
                <a16:creationId xmlns:a16="http://schemas.microsoft.com/office/drawing/2014/main" id="{FB59CF9C-E4C8-042F-9C98-7A0F64450EF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49" name="OTLSHAPE_SLM_273af180f7ed4bafb491d046a5dbaffb_Date" hidden="1">
            <a:extLst>
              <a:ext uri="{FF2B5EF4-FFF2-40B4-BE49-F238E27FC236}">
                <a16:creationId xmlns:a16="http://schemas.microsoft.com/office/drawing/2014/main" id="{DC5A04E9-CE7D-489C-8495-9D672AAE1DD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Oct 31</a:t>
            </a:r>
          </a:p>
        </p:txBody>
      </p:sp>
      <p:sp>
        <p:nvSpPr>
          <p:cNvPr id="50" name="OTLSHAPE_SLM_9631593784774975891ff25e4242dd28_Date" hidden="1">
            <a:extLst>
              <a:ext uri="{FF2B5EF4-FFF2-40B4-BE49-F238E27FC236}">
                <a16:creationId xmlns:a16="http://schemas.microsoft.com/office/drawing/2014/main" id="{86A05D09-6DD6-E783-81BE-5AEE57D1EF4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Dec 19</a:t>
            </a:r>
          </a:p>
        </p:txBody>
      </p:sp>
      <p:sp>
        <p:nvSpPr>
          <p:cNvPr id="67" name="OTLSHAPE_SLT_b6a1e73ae64148c7a13c7e6f8b7f003d_Duration" hidden="1">
            <a:extLst>
              <a:ext uri="{FF2B5EF4-FFF2-40B4-BE49-F238E27FC236}">
                <a16:creationId xmlns:a16="http://schemas.microsoft.com/office/drawing/2014/main" id="{6E40B67F-C43F-5E39-3966-C62CBCE6C3B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25 days</a:t>
            </a:r>
          </a:p>
        </p:txBody>
      </p:sp>
      <p:sp>
        <p:nvSpPr>
          <p:cNvPr id="68" name="OTLSHAPE_SLT_b6a1e73ae64148c7a13c7e6f8b7f003d_TextPercentage" hidden="1">
            <a:extLst>
              <a:ext uri="{FF2B5EF4-FFF2-40B4-BE49-F238E27FC236}">
                <a16:creationId xmlns:a16="http://schemas.microsoft.com/office/drawing/2014/main" id="{31DC5512-0753-7BEA-839A-85E570C7605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b6a1e73ae64148c7a13c7e6f8b7f003d_JoinedDate" hidden="1">
            <a:extLst>
              <a:ext uri="{FF2B5EF4-FFF2-40B4-BE49-F238E27FC236}">
                <a16:creationId xmlns:a16="http://schemas.microsoft.com/office/drawing/2014/main" id="{511915EC-F1A2-3359-A400-4AA76BABC2E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44546A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71" name="OTLSHAPE_SLM_c1bb27f7d895400eb5da29b2c10e43b8_Date" hidden="1">
            <a:extLst>
              <a:ext uri="{FF2B5EF4-FFF2-40B4-BE49-F238E27FC236}">
                <a16:creationId xmlns:a16="http://schemas.microsoft.com/office/drawing/2014/main" id="{6C66158B-54D7-574E-60B7-72BBA8F5583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72" name="OTLSHAPE_SLM_8d20a8dd782b4feeb4b4d2a199f4fb33_Date" hidden="1">
            <a:extLst>
              <a:ext uri="{FF2B5EF4-FFF2-40B4-BE49-F238E27FC236}">
                <a16:creationId xmlns:a16="http://schemas.microsoft.com/office/drawing/2014/main" id="{B5B50DAA-6E65-3777-9784-FDA17385BF9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Dec 2</a:t>
            </a:r>
          </a:p>
        </p:txBody>
      </p:sp>
      <p:sp>
        <p:nvSpPr>
          <p:cNvPr id="73" name="OTLSHAPE_SLM_5643b272fe144d7ab4a472548b6a0449_Date" hidden="1">
            <a:extLst>
              <a:ext uri="{FF2B5EF4-FFF2-40B4-BE49-F238E27FC236}">
                <a16:creationId xmlns:a16="http://schemas.microsoft.com/office/drawing/2014/main" id="{036A366F-3B3E-4071-7C8C-B3A554695E7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Feb 19</a:t>
            </a:r>
          </a:p>
        </p:txBody>
      </p:sp>
      <p:sp>
        <p:nvSpPr>
          <p:cNvPr id="78" name="OTLSHAPE_SLT_8c1de29939c145dbb44c35612753e7f5_Duration" hidden="1">
            <a:extLst>
              <a:ext uri="{FF2B5EF4-FFF2-40B4-BE49-F238E27FC236}">
                <a16:creationId xmlns:a16="http://schemas.microsoft.com/office/drawing/2014/main" id="{1912AE82-C448-1F37-AC7D-946442A5BA5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4 days</a:t>
            </a:r>
          </a:p>
        </p:txBody>
      </p:sp>
      <p:sp>
        <p:nvSpPr>
          <p:cNvPr id="79" name="OTLSHAPE_SLT_8c1de29939c145dbb44c35612753e7f5_TextPercentage" hidden="1">
            <a:extLst>
              <a:ext uri="{FF2B5EF4-FFF2-40B4-BE49-F238E27FC236}">
                <a16:creationId xmlns:a16="http://schemas.microsoft.com/office/drawing/2014/main" id="{53DECE2D-19AB-A029-A211-BF29DC1F946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8c1de29939c145dbb44c35612753e7f5_JoinedDate" hidden="1">
            <a:extLst>
              <a:ext uri="{FF2B5EF4-FFF2-40B4-BE49-F238E27FC236}">
                <a16:creationId xmlns:a16="http://schemas.microsoft.com/office/drawing/2014/main" id="{A22488BC-2E9A-416B-4F3C-6AFA774C74E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44546A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81" name="OTLSHAPE_SLM_46a9bab3a4cf4cc4a2e088546b53838c_Date" hidden="1">
            <a:extLst>
              <a:ext uri="{FF2B5EF4-FFF2-40B4-BE49-F238E27FC236}">
                <a16:creationId xmlns:a16="http://schemas.microsoft.com/office/drawing/2014/main" id="{8C6A3EE0-4E4F-761E-C316-20C1D9E45C6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17</a:t>
            </a:r>
          </a:p>
        </p:txBody>
      </p:sp>
      <p:sp>
        <p:nvSpPr>
          <p:cNvPr id="82" name="OTLSHAPE_SLM_61be5dbf98474c369c2b5d1efd87ddc9_Date" hidden="1">
            <a:extLst>
              <a:ext uri="{FF2B5EF4-FFF2-40B4-BE49-F238E27FC236}">
                <a16:creationId xmlns:a16="http://schemas.microsoft.com/office/drawing/2014/main" id="{8E6F27CC-CB13-0637-3C56-09DC039EF69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y 12</a:t>
            </a:r>
          </a:p>
        </p:txBody>
      </p:sp>
      <p:sp>
        <p:nvSpPr>
          <p:cNvPr id="83" name="OTLSHAPE_SLM_39902ecf35e74c7a966c3e50ff6a55fe_Date" hidden="1">
            <a:extLst>
              <a:ext uri="{FF2B5EF4-FFF2-40B4-BE49-F238E27FC236}">
                <a16:creationId xmlns:a16="http://schemas.microsoft.com/office/drawing/2014/main" id="{4201D9F3-D0CA-49A5-C83A-E66C5A8A242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7</a:t>
            </a:r>
          </a:p>
        </p:txBody>
      </p:sp>
      <p:cxnSp>
        <p:nvCxnSpPr>
          <p:cNvPr id="4" name="OTLSHAPE_TB_00000000000000000000000000000000_Separator1">
            <a:extLst>
              <a:ext uri="{FF2B5EF4-FFF2-40B4-BE49-F238E27FC236}">
                <a16:creationId xmlns:a16="http://schemas.microsoft.com/office/drawing/2014/main" id="{21172486-48F8-17DB-C2DC-B0E3B610F233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3387798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2">
            <a:extLst>
              <a:ext uri="{FF2B5EF4-FFF2-40B4-BE49-F238E27FC236}">
                <a16:creationId xmlns:a16="http://schemas.microsoft.com/office/drawing/2014/main" id="{4CF01FB5-0D17-9D35-F83F-C7A38E5FA745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7941566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ddleSeparator1">
            <a:extLst>
              <a:ext uri="{FF2B5EF4-FFF2-40B4-BE49-F238E27FC236}">
                <a16:creationId xmlns:a16="http://schemas.microsoft.com/office/drawing/2014/main" id="{85F52F31-23C0-D661-6011-681CD38877A0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2239999" y="21122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MiddleSeparator2">
            <a:extLst>
              <a:ext uri="{FF2B5EF4-FFF2-40B4-BE49-F238E27FC236}">
                <a16:creationId xmlns:a16="http://schemas.microsoft.com/office/drawing/2014/main" id="{EE924576-F4D0-B5C6-B787-7D8EBC2BAB1F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3387798" y="21122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ddleSeparator3">
            <a:extLst>
              <a:ext uri="{FF2B5EF4-FFF2-40B4-BE49-F238E27FC236}">
                <a16:creationId xmlns:a16="http://schemas.microsoft.com/office/drawing/2014/main" id="{B23BA7CC-591F-600D-91FA-317757B6E1CC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4510645" y="21122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ddleSeparator4">
            <a:extLst>
              <a:ext uri="{FF2B5EF4-FFF2-40B4-BE49-F238E27FC236}">
                <a16:creationId xmlns:a16="http://schemas.microsoft.com/office/drawing/2014/main" id="{7133B288-D71A-8438-5289-C327BF99AAFD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5645968" y="21122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MiddleSeparator5">
            <a:extLst>
              <a:ext uri="{FF2B5EF4-FFF2-40B4-BE49-F238E27FC236}">
                <a16:creationId xmlns:a16="http://schemas.microsoft.com/office/drawing/2014/main" id="{CABBE59B-9874-5292-8F34-F841557E8E1B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6793767" y="21122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MiddleSeparator6">
            <a:extLst>
              <a:ext uri="{FF2B5EF4-FFF2-40B4-BE49-F238E27FC236}">
                <a16:creationId xmlns:a16="http://schemas.microsoft.com/office/drawing/2014/main" id="{98C16202-572F-4E12-2B0C-6111665CF222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7941566" y="21122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ddleSeparator7">
            <a:extLst>
              <a:ext uri="{FF2B5EF4-FFF2-40B4-BE49-F238E27FC236}">
                <a16:creationId xmlns:a16="http://schemas.microsoft.com/office/drawing/2014/main" id="{CEA26852-33AE-ED4E-601C-4BDC7BFDEFDA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9064413" y="21122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B_00000000000000000000000000000000_MiddleSeparator8">
            <a:extLst>
              <a:ext uri="{FF2B5EF4-FFF2-40B4-BE49-F238E27FC236}">
                <a16:creationId xmlns:a16="http://schemas.microsoft.com/office/drawing/2014/main" id="{E694AEE0-A21C-9869-65A0-1AD80EE7116B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10199736" y="21122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2" name="OTLSHAPE_M_8dc53832a4bc4872877e5858c93576e9_Shape">
            <a:extLst>
              <a:ext uri="{FF2B5EF4-FFF2-40B4-BE49-F238E27FC236}">
                <a16:creationId xmlns:a16="http://schemas.microsoft.com/office/drawing/2014/main" id="{F5304EEC-F038-25AE-595C-4C204984F7FC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4096910" y="1729740"/>
            <a:ext cx="228600" cy="254000"/>
          </a:xfrm>
          <a:prstGeom prst="flowChartManualOperation">
            <a:avLst/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M_37930bdd30544a5aa2ac6fa1f84301d0_Shape">
            <a:extLst>
              <a:ext uri="{FF2B5EF4-FFF2-40B4-BE49-F238E27FC236}">
                <a16:creationId xmlns:a16="http://schemas.microsoft.com/office/drawing/2014/main" id="{AEC41D42-6A9E-D1B7-ABD6-4E5F141B5919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7003836" y="1729740"/>
            <a:ext cx="228600" cy="254000"/>
          </a:xfrm>
          <a:prstGeom prst="flowChartManualOperation">
            <a:avLst/>
          </a:prstGeom>
          <a:solidFill>
            <a:srgbClr val="B3AF8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A_8337283eee7f4321b1ce83c236c4dac2_Shape">
            <a:extLst>
              <a:ext uri="{FF2B5EF4-FFF2-40B4-BE49-F238E27FC236}">
                <a16:creationId xmlns:a16="http://schemas.microsoft.com/office/drawing/2014/main" id="{37DC5E7F-EB83-6C7B-4304-D83B73EFC7B4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4259099" y="2969260"/>
            <a:ext cx="228600" cy="254000"/>
          </a:xfrm>
          <a:prstGeom prst="chevron">
            <a:avLst>
              <a:gd name="adj" fmla="val 30000"/>
            </a:avLst>
          </a:prstGeom>
          <a:solidFill>
            <a:srgbClr val="496A8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1" name="OTLSHAPE_SLA_ade100cb52144ebfa5fe9a2c0232486e_Shape">
            <a:extLst>
              <a:ext uri="{FF2B5EF4-FFF2-40B4-BE49-F238E27FC236}">
                <a16:creationId xmlns:a16="http://schemas.microsoft.com/office/drawing/2014/main" id="{24211A0A-3D4F-DFE7-E67B-69FBDBE77188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8126683" y="4136644"/>
            <a:ext cx="228600" cy="254000"/>
          </a:xfrm>
          <a:prstGeom prst="chevron">
            <a:avLst>
              <a:gd name="adj" fmla="val 30000"/>
            </a:avLst>
          </a:prstGeom>
          <a:solidFill>
            <a:srgbClr val="66999B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3" name="OTLSHAPE_M_37930bdd30544a5aa2ac6fa1f84301d0_Title">
            <a:extLst>
              <a:ext uri="{FF2B5EF4-FFF2-40B4-BE49-F238E27FC236}">
                <a16:creationId xmlns:a16="http://schemas.microsoft.com/office/drawing/2014/main" id="{A1ECD6E3-9892-9D2A-28BB-323EBEB1152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683119" y="1501648"/>
            <a:ext cx="876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13</a:t>
            </a:r>
          </a:p>
        </p:txBody>
      </p:sp>
      <p:sp>
        <p:nvSpPr>
          <p:cNvPr id="46" name="OTLSHAPE_M_8dc53832a4bc4872877e5858c93576e9_Title">
            <a:extLst>
              <a:ext uri="{FF2B5EF4-FFF2-40B4-BE49-F238E27FC236}">
                <a16:creationId xmlns:a16="http://schemas.microsoft.com/office/drawing/2014/main" id="{03177D64-9AB2-22FF-822C-987D51DCF8A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806842" y="1501648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8</a:t>
            </a:r>
          </a:p>
        </p:txBody>
      </p:sp>
      <p:sp>
        <p:nvSpPr>
          <p:cNvPr id="36" name="OTLSHAPE_SLA_8337283eee7f4321b1ce83c236c4dac2_Title">
            <a:extLst>
              <a:ext uri="{FF2B5EF4-FFF2-40B4-BE49-F238E27FC236}">
                <a16:creationId xmlns:a16="http://schemas.microsoft.com/office/drawing/2014/main" id="{73E1A4CF-CAA6-B3B8-B1C4-C73A467B916B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967444" y="2728468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Milestone 4</a:t>
            </a:r>
          </a:p>
        </p:txBody>
      </p:sp>
      <p:sp>
        <p:nvSpPr>
          <p:cNvPr id="39" name="OTLSHAPE_SLA_ade100cb52144ebfa5fe9a2c0232486e_Title">
            <a:extLst>
              <a:ext uri="{FF2B5EF4-FFF2-40B4-BE49-F238E27FC236}">
                <a16:creationId xmlns:a16="http://schemas.microsoft.com/office/drawing/2014/main" id="{F70578BE-5BFD-CECC-A8D0-225266E8667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36403" y="3895852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>
                <a:solidFill>
                  <a:schemeClr val="dk1"/>
                </a:solidFill>
                <a:latin typeface="Segoe UI Semibold" panose="020B0702040204020203" pitchFamily="34" charset="0"/>
              </a:rPr>
              <a:t>Milestone 9</a:t>
            </a:r>
          </a:p>
        </p:txBody>
      </p:sp>
      <p:sp>
        <p:nvSpPr>
          <p:cNvPr id="27" name="OTLSHAPE_M_8dc53832a4bc4872877e5858c93576e9_Date" hidden="1">
            <a:extLst>
              <a:ext uri="{FF2B5EF4-FFF2-40B4-BE49-F238E27FC236}">
                <a16:creationId xmlns:a16="http://schemas.microsoft.com/office/drawing/2014/main" id="{70D66F89-1BB4-BCF3-C42C-040B7ED739E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28" name="OTLSHAPE_M_37930bdd30544a5aa2ac6fa1f84301d0_Date" hidden="1">
            <a:extLst>
              <a:ext uri="{FF2B5EF4-FFF2-40B4-BE49-F238E27FC236}">
                <a16:creationId xmlns:a16="http://schemas.microsoft.com/office/drawing/2014/main" id="{F807B3E6-3DCF-8100-8011-EF79290326C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Oct 26</a:t>
            </a:r>
          </a:p>
        </p:txBody>
      </p:sp>
      <p:sp>
        <p:nvSpPr>
          <p:cNvPr id="47" name="OTLSHAPE_SLA_8337283eee7f4321b1ce83c236c4dac2_Date" hidden="1">
            <a:extLst>
              <a:ext uri="{FF2B5EF4-FFF2-40B4-BE49-F238E27FC236}">
                <a16:creationId xmlns:a16="http://schemas.microsoft.com/office/drawing/2014/main" id="{FA49BAFC-6E75-2D70-DAEF-2829D185EF6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20</a:t>
            </a:r>
          </a:p>
        </p:txBody>
      </p:sp>
      <p:sp>
        <p:nvSpPr>
          <p:cNvPr id="70" name="OTLSHAPE_SLA_ade100cb52144ebfa5fe9a2c0232486e_Date" hidden="1">
            <a:extLst>
              <a:ext uri="{FF2B5EF4-FFF2-40B4-BE49-F238E27FC236}">
                <a16:creationId xmlns:a16="http://schemas.microsoft.com/office/drawing/2014/main" id="{048D3FC1-D072-624F-5983-EF00C4576DB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24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0B62B12A-7ADD-5B9F-6DA0-DA6B514EE748}"/>
              </a:ext>
            </a:extLst>
          </p:cNvPr>
          <p:cNvSpPr txBox="1"/>
          <p:nvPr/>
        </p:nvSpPr>
        <p:spPr>
          <a:xfrm>
            <a:off x="844465" y="523875"/>
            <a:ext cx="490283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Project Chart template</a:t>
            </a:r>
          </a:p>
        </p:txBody>
      </p:sp>
      <p:pic>
        <p:nvPicPr>
          <p:cNvPr id="147" name="Picture 146" descr="Icon&#10;&#10;Description automatically generated">
            <a:extLst>
              <a:ext uri="{FF2B5EF4-FFF2-40B4-BE49-F238E27FC236}">
                <a16:creationId xmlns:a16="http://schemas.microsoft.com/office/drawing/2014/main" id="{1F3C7F57-C0D8-8F84-5B65-CC9C2B1E61EA}"/>
              </a:ext>
            </a:extLst>
          </p:cNvPr>
          <p:cNvPicPr>
            <a:picLocks noChangeAspect="1"/>
          </p:cNvPicPr>
          <p:nvPr/>
        </p:nvPicPr>
        <p:blipFill>
          <a:blip r:embed="rId13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08225" y="4617857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6336324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i0wMy0yMFQyMzo1OTowMCIsIlN0eWxlIjp7IiRpZCI6IjciLCJTaGFwZSI6Ny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zLCJHIjoxMDYsIkIiOjEyOX19LCJMaW5lV2VpZ2h0IjoxLjAsIkxpbmVUeXBlIjowLCJQYXJlbnRTdHlsZSI6bnVsbH0sIklzQmVsb3dUaW1lYmFuZCI6dHJ1ZSwiUG9zaXRpb25PblRhc2siOjMsIkhpZGVEYXRlIjpmYWxzZSwiU2hhcGVTaXplIjox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NzMsIkciOjEwNiwiQiI6MTI5fX0sIklzVmlzaWJsZSI6dHJ1ZSwiV2lkdGgiOjE4LjAsIkhlaWdodCI6Mj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VGl0bGVTdHlsZSI6eyIkaWQiOiIyMSIsIkZvbnRTZXR0aW5ncyI6eyIkaWQiOiIyMiIsIkZvbnRTaXplIjoxMiwiRm9udE5hbWUiOiJTZWdvZSBVSSBTZW1pYm9sZCIsIklzQm9sZCI6dHJ1ZSwiSXNJdGFsaWMiOmZhbHNlLCJJc1VuZGVybGluZWQiOmZhbHNlLCJQYXJlbnRTdHlsZSI6bnVsbH0sIkF1dG9TaXplIjowLCJGb3JlZ3JvdW5kIjp7IiRpZCI6IjIzIiwiQ29sb3IiOnsiJGlkIjoiM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pZCI6IjM3IiwiQSI6MCwiUiI6MjU1LCJHIjoyNTUsIkIiOjI1NX19LCJJc1Zpc2libGUiOmZhbHN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OSIsIlRvcCI6MC4wLCJMZWZ0IjowLjAsIlJpZ2h0IjowLjAsIkJvdHRvbSI6MC4wfSwiUGFkZGluZyI6eyIkaWQiOiI5MCIsIlRvcCI6MC4wLCJMZWZ0IjowLjAsIlJpZ2h0IjowLjAsIkJvdHRvbSI6MC4wfSwiQmFja2dyb3VuZCI6eyIkaWQiOiI5MSIsIkNvbG9yIjp7IiRpZCI6IjkyIiwiQSI6MCwiUiI6MjU1LCJHIjoyNTUsIkIiOjI1NX19LCJJc1Zpc2libGUiOnRydWUsIldpZHRoIjowLjAsIkhlaWdodCI6MC4wLCJCb3JkZXJTdHlsZSI6eyIkaWQiOiI5MyIsIkxpbmVDb2xvciI6bnVsbCwiTGluZVdlaWdodCI6MC4wLCJMaW5lVHlwZSI6MCwiUGFyZW50U3R5bGUiOm51bGx9LCJQYXJlbnRTdHlsZSI6bnVsbH0sIkRhdGVGb3JtYXQiOnsiJGlkIjoi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TMiLCJUb3AiOjAuMCwiTGVmdCI6MC4wLCJSaWdodCI6MC4wLCJCb3R0b20iOjAuMH0sIlBhZGRpbmciOnsiJGlkIjoiMTE0IiwiVG9wIjowLjAsIkxlZnQiOjAuMCwiUmlnaHQiOjAuMCwiQm90dG9tIjowLjB9LCJCYWNrZ3JvdW5kIjp7IiRpZCI6IjExNSIsIkNvbG9yIjp7IiRpZCI6IjExNiIsIkEiOjAsIlIiOjI1NSwiRyI6MjU1LCJCIjoyNTV9fSwiSXNWaXNpYmxlIjp0cnVlLCJXaWR0aCI6MC4wLCJIZWlnaHQiOjAuMCwiQm9yZGVyU3R5bGUiOnsiJGlkIjoiMTE3IiwiTGluZUNvbG9yIjpudWxsLCJMaW5lV2VpZ2h0IjowLjAsIkxpbmVUeXBlIjowLCJQYXJlbnRTdHlsZSI6bnVsbH0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iIsIlRvcCI6MC4wLCJMZWZ0IjowLjAsIlJpZ2h0IjowLjAsIkJvdHRvbSI6MC4wfSwiUGFkZGluZyI6eyIkaWQiOiIxMjMiLCJUb3AiOjAuMCwiTGVmdCI6MC4wLCJSaWdodCI6MC4wLCJCb3R0b20iOjAuMH0sIkJhY2tncm91bmQiOnsiJGlkIjoiMTI0IiwiQ29sb3IiOnsiJGlkIjoiMTI1IiwiQSI6MCwiUiI6MjU1LCJHIjoyNTUsIkIiOjI1NX19LCJJc1Zpc2libGUiOmZhbHNlLCJXaWR0aCI6MC4wLCJIZWlnaHQiOjAuMCwiQm9yZGVyU3R5bGUiOnsiJGlkIjoiMTI2IiwiTGluZUNvbG9yIjpudWxsLCJMaW5lV2VpZ2h0IjowLjAsIkxpbmVUeXBlIjowLCJQYXJlbnRTdHlsZSI6bnVsbH0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MyIsIlRvcCI6MC4wLCJMZWZ0IjowLjAsIlJpZ2h0IjowLjAsIkJvdHRvbSI6MC4wfSwiUGFkZGluZyI6eyIkaWQiOiIxNDQiLCJUb3AiOjAuMCwiTGVmdCI6MC4wLCJSaWdodCI6MC4wLCJCb3R0b20iOjAuMH0sIkJhY2tncm91bmQiOnsiJGlkIjoiMTQ1IiwiQ29sb3IiOnsiJGlkIjoiMTQ2IiwiQSI6MCwiUiI6MjU1LCJHIjoyNTUsIkIiOjI1NX1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pZCI6IjE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ZmFsc2UsIldpZHRoIjowLjAsIkhlaWdodCI6MC4wLCJCb3JkZXJTdHlsZSI6eyIkaWQiOiIxNTYiLCJMaW5lQ29sb3IiOm51bGwsIkxpbmVXZWlnaHQiOjAuMCwiTGluZVR5cGUiOjAsIlBhcmVudFN0eWxlIjpudWxsfSwiUGFyZW50U3R5bGUiOm51bGx9LCJEYXRlRm9ybWF0Ijp7IiRpZCI6IjE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SIsIkZvcm1hdCI6MCwiSXNWaXNpYmxlIjpmYWxzZSwiTGFzdEtub3duVmlzaWJpbGl0eVN0YXRlIjpmYWxzZX0sIklzVmlzaWJsZSI6dHJ1ZSwiUGFyZW50U3R5bGUiOm51bGwsIl9leHBsaWNpdGx5U2V0Ijp7IiRpZCI6IjMwMC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7IiRpZCI6IjM1OSIsIkNvbG9yIjp7IiRpZCI6IjM2MCIsIkEiOjAsIlIiOjI1NSwiRyI6MjU1LCJCIjoyNTV9fSwiSXNWaXNpYmxlIjpmYWxzZSwiV2lkdGgiOjAuMCwiSGVpZ2h0IjowLjAsIkJvcmRlclN0eWxlIjp7IiRpZCI6IjM2MSIsIkxpbmVDb2xvciI6bnVsbCwiTGluZVdlaWdodCI6MC4wLCJMaW5lVHlwZSI6MCwiUGFyZW50U3R5bGUiOm51bGx9LCJQYXJlbnRTdHlsZSI6bnVsbH0sIkRhdGVGb3JtYXQiOnsiJGlkIjoiM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yMSIsIlRvcCI6MC4wLCJMZWZ0IjowLjAsIlJpZ2h0IjowLjAsIkJvdHRvbSI6MC4wfSwiUGFkZGluZyI6eyIkaWQiOiI0MjIiLCJUb3AiOjAuMCwiTGVmdCI6MC4wLCJSaWdodCI6MC4wLCJCb3R0b20iOjAuMH0sIkJhY2tncm91bmQiOnsiJGlkIjoiNDIzIiwiQ29sb3IiOnsiJGlkIjoiNDI0IiwiQSI6MCwiUiI6MjU1LCJHIjoyNTUsIkIiOjI1NX19LCJJc1Zpc2libGUiOnRydWUsIldpZHRoIjowLjAsIkhlaWdodCI6MC4wLCJCb3JkZXJTdHlsZSI6eyIkaWQiOiI0MjUiLCJMaW5lQ29sb3IiOm51bGwsIkxpbmVXZWlnaHQiOjAuMCwiTGluZVR5cGUiOjAsIlBhcmVudFN0eWxlIjpudWxsfSwiUGFyZW50U3R5bGUiOm51bGx9LCJEYXR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VN0eWxlIjp7IiRpZCI6IjQ4MSIsIkZvbnRTZXR0aW5ncyI6eyIkaWQiOiI0ODIiLCJGb250U2l6ZSI6MTAsIkZvbnROYW1lIjoiU2Vnb2UgVUkgU2VtaWJvbGQiLCJJc0JvbGQiOnRydWUsIklzSXRhbGljIjpmYWxzZSwiSXNVbmRlcmxpbmVkIjpmYWxzZSwiUGFyZW50U3R5bGUiOm51bGx9LCJBdXRvU2l6ZSI6MCwiRm9yZWdyb3VuZCI6eyIkaWQiOiI0ODMiLCJDb2xvciI6eyIkaWQiOiI0O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jU1LCJHIjoyNTUsIkIiOjI1NX19LCJJc1Zpc2libGUiOnRydWUsIldpZHRoIjowLjAsIkhlaWdodCI6MC4wLCJCb3JkZXJTdHlsZSI6eyIkaWQiOiI0ODkiLCJMaW5lQ29sb3IiOm51bGwsIkxpbmVXZWlnaHQiOjAuMCwiTGluZVR5cGUiOjAsIlBhcmVudFN0eWxlIjpudWxsfSwiUGFyZW50U3R5bGUiOm51bGx9LCJEYXRlRm9ybWF0Ijp7IiRpZCI6IjQ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NSIsIkZvcm1hdCI6MCwiSXNWaXNpYmxlIjpmYWxzZSwiTGFzdEtub3duVmlzaWJpbGl0eVN0YXRlIjpmYWxzZX0sIklzVmlzaWJsZSI6dHJ1ZSwiUGFyZW50U3R5bGUiOm51bGwsIl9leHBsaWNpdGx5U2V0Ijp7IiRpZCI6IjY5Ni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yNTUsIlIiOjEwMiwiRyI6MTUzLCJCIjoxNTV9fSwiSXNWaXNpYmxlIjp0cnVlLCJXaWR0aCI6MTguMCwiSGVpZ2h0IjoyM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UaXRsZVN0eWxlIjp7IiRpZCI6Ijg5NCIsIkZvbnRTZXR0aW5ncyI6eyIkaWQiOiI4OTUiLCJGb250U2l6ZSI6MTIsIkZvbnROYW1lIjoiU2Vnb2UgVUkgU2VtaWJvbGQiLCJJc0JvbGQiOnRydWUsIklzSXRhbGljIjpmYWxzZSwiSXNVbmRlcmxpbmVkIjpmYWxzZSwiUGFyZW50U3R5bGUiOm51bGx9LCJBdXRvU2l6ZSI6MCwiRm9yZWdyb3VuZCI6eyIkaWQiOiI4OTYiLCJDb2xvciI6eyIkaWQiOiI4O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mYWxzZSwiV2lkdGgiOjAuMCwiSGVpZ2h0IjowLjAsIkJvcmRlclN0eWxlIjp7IiRpZCI6Ijk0MSIsIkxpbmVDb2xvciI6bnVsbCwiTGluZVdlaWdodCI6MC4wLCJMaW5lVHlwZSI6MCwiUGFyZW50U3R5bGUiOm51bGx9LCJQYXJlbnRTdHlsZSI6bnVsbH0sIkRhdGVGb3JtYXQiOnsiJGlkIjoiOT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CwiUiI6MjU1LCJHIjoyNTUsIkIiOjI1NX19LCJJc1Zpc2libGUiOnRydWUsIldpZHRoIjowLjAsIkhlaWdodCI6MC4wLCJCb3JkZXJTdHlsZSI6eyIkaWQiOiIxMDUyIiwiTGluZUNvbG9yIjpudWxsLCJMaW5lV2VpZ2h0IjowLjAsIkxpbmVUeXBlIjowLCJQYXJlbnRTdHlsZSI6bnVsbH0sIlBhcmVudFN0eWxlIjpudWxsfSwiRGF0ZUZvcm1hdCI6eyIkaWQiOiIxMD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QiLCJGb3JtYXQiOjAsIklzVmlzaWJsZSI6ZmFsc2UsIkxhc3RLbm93blZpc2liaWxpdHlTdGF0ZSI6ZmFsc2V9LCJJc1Zpc2libGUiOnRydWUsIlBhcmVudFN0eWxlIjpudWxsLCJfZXhwbGljaXRseVNldCI6eyIkaWQiOiIxMDU1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gzIiwiVG9wIjowLjAsIkxlZnQiOjAuMCwiUmlnaHQiOjAuMCwiQm90dG9tIjowLjB9LCJQYWRkaW5nIjp7IiRpZCI6IjEwODQiLCJUb3AiOjAuMCwiTGVmdCI6MC4wLCJSaWdodCI6MC4wLCJCb3R0b20iOjAuMH0sIkJhY2tncm91bmQiOnsiJGlkIjoiMTA4NSIsIkNvbG9yIjp7IiRyZWYiOiIxMDc3In19LCJJc1Zpc2libGUiOmZhbHNlLCJXaWR0aCI6MC4wLCJIZWlnaHQiOjAuMCwiQm9yZGVyU3R5bGUiOnsiJGlkIjoiMTA4NiIsIkxpbmVDb2xvciI6bnVsbCwiTGluZVdlaWdodCI6MC4wLCJMaW5lVHlwZSI6MCwiUGFyZW50U3R5bGUiOm51bGx9LCJQYXJlbnRTdHlsZSI6bnVsbH0sIkRhdGVGb3JtYXQiOnsiJGlkIjoiMTA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NzkiLCJUb3AiOjAuMCwiTGVmdCI6MC4wLCJSaWdodCI6MC4wLCJCb3R0b20iOjAuMH0sIlBhZGRpbmciOnsiJGlkIjoiMTI4MCIsIlRvcCI6MC4wLCJMZWZ0IjowLjAsIlJpZ2h0IjowLjAsIkJvdHRvbSI6MC4wfSwiQmFja2dyb3VuZCI6eyIkaWQiOiIxMjgxIiwiQ29sb3IiOnsiJGlkIjoiMTI4MiIsIkEiOjAsIlIiOjI1NSwiRyI6MjU1LCJCIjoyNTV9fSwiSXNWaXNpYmxlIjpmYWxzZSwiV2lkdGgiOjAuMCwiSGVpZ2h0IjowLjAsIkJvcmRlclN0eWxlIjpudWxsLCJQYXJlbnRTdHlsZSI6bnVsbH0sIkRhdGVGb3JtYXQiOnsiJGlkIjoiMTI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zMTEiLCJUb3AiOjAuMCwiTGVmdCI6MC4wLCJSaWdodCI6MC4wLCJCb3R0b20iOjAuMH0sIlBhZGRpbmciOnsiJGlkIjoiMTMxMiIsIlRvcCI6MC4wLCJMZWZ0IjowLjAsIlJpZ2h0IjowLjAsIkJvdHRvbSI6MC4wfSwiQmFja2dyb3VuZCI6eyIkaWQiOiIxMzEzIiwiQ29sb3IiOnsiJGlkIjoiMTMxNCIsIkEiOjAsIlIiOjI1NSwiRyI6MjU1LCJCIjoyNTV9fSwiSXNWaXNpYmxlIjpmYWxzZSwiV2lkdGgiOjAuMCwiSGVpZ2h0IjowLjAsIkJvcmRlclN0eWxlIjpudWxsLCJQYXJlbnRTdHlsZSI6bnVsbH0sIkRhdGVGb3JtYXQiOnsiJGlkIjoiMTM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zU3IiwiVG9wIjowLjAsIkxlZnQiOjAuMCwiUmlnaHQiOjAuMCwiQm90dG9tIjowLjB9LCJQYWRkaW5nIjp7IiRpZCI6IjEzNTgiLCJUb3AiOjAuMCwiTGVmdCI6MC4wLCJSaWdodCI6MC4wLCJCb3R0b20iOjAuMH0sIkJhY2tncm91bmQiOnsiJGlkIjoiMTM1OSIsIkNvbG9yIjp7IiRyZWYiOiIxMjA3In19LCJJc1Zpc2libGUiOnRydWUsIldpZHRoIjowLjAsIkhlaWdodCI6MC4wLCJCb3JkZXJTdHlsZSI6bnVsbCwiUGFyZW50U3R5bGUiOm51bGx9LCJEYXRlRm9ybWF0Ijp7IiRpZCI6IjEz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2MSIsIkZvcm1hdCI6MCwiSXNWaXNpYmxlIjpmYWxzZSwiTGFzdEtub3duVmlzaWJpbGl0eVN0YXRlIjpmYWxzZX0sIklzVmlzaWJsZSI6dHJ1ZSwiUGFyZW50U3R5bGUiOm51bGwsIl9leHBsaWNpdGx5U2V0Ijp7IiRpZCI6IjEzN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ODQiLCJUb3AiOjAuMCwiTGVmdCI6MC4wLCJSaWdodCI6MC4wLCJCb3R0b20iOjAuMH0sIlBhZGRpbmciOnsiJGlkIjoiMTM4NSIsIlRvcCI6MC4wLCJMZWZ0IjowLjAsIlJpZ2h0IjowLjAsIkJvdHRvbSI6MC4wfSwiQmFja2dyb3VuZCI6eyIkaWQiOiIxMzg2IiwiQ29sb3IiOnsiJGlkIjoiMTM4NyIsIkEiOjAsIlIiOjAsIkciOjAsIkIiOjB9fSwiSXNWaXNpYmxlIjpmYWxzZSwiV2lkdGgiOjAuMCwiSGVpZ2h0IjowLjAsIkJvcmRlclN0eWxlIjpudWxsLCJQYXJlbnRTdHlsZSI6bnVsbH0sIkRhdGVGb3JtYXQiOnsiJGlkIjoiMTM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ODQiLCJUb3AiOjAuMCwiTGVmdCI6MC4wLCJSaWdodCI6MC4wLCJCb3R0b20iOjAuMH0sIlBhZGRpbmciOnsiJGlkIjoiMTQ4NSIsIlRvcCI6MC4wLCJMZWZ0IjowLjAsIlJpZ2h0IjowLjAsIkJvdHRvbSI6MC4wfSwiQmFja2dyb3VuZCI6eyIkaWQiOiIxNDg2IiwiQ29sb3IiOnsiJGlkIjoiMTQ4NyIsIkEiOjAsIlIiOjI1NSwiRyI6MjU1LCJCIjoyNTV9fSwiSXNWaXNpYmxlIjp0cnVlLCJXaWR0aCI6MC4wLCJIZWlnaHQiOjAuMCwiQm9yZGVyU3R5bGUiOm51bGwsIlBhcmVudFN0eWxlIjpudWxsfSwiRGF0ZUZvcm1hdCI6eyIkaWQiOiIxND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kiLCJGb3JtYXQiOjAsIklzVmlzaWJsZSI6ZmFsc2UsIkxhc3RLbm93blZpc2liaWxpdHlTdGF0ZSI6ZmFsc2V9LCJJc1Zpc2libGUiOnRydWUsIlBhcmVudFN0eWxlIjpudWxsLCJfZXhwbGljaXRseVNldCI6eyIkaWQiOiIxNDk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1MTciLCJUb3AiOjAuMCwiTGVmdCI6MC4wLCJSaWdodCI6MC4wLCJCb3R0b20iOjAuMH0sIlBhZGRpbmciOnsiJGlkIjoiMTUxOCIsIlRvcCI6MC4wLCJMZWZ0IjowLjAsIlJpZ2h0IjowLjAsIkJvdHRvbSI6MC4wfSwiQmFja2dyb3VuZCI6eyIkaWQiOiIxNTE5IiwiQ29sb3IiOnsiJGlkIjoiMTUyMCIsIkEiOjAsIlIiOjI1NSwiRyI6MjU1LCJCIjoyNTV9fSwiSXNWaXNpYmxlIjpmYWxzZSwiV2lkdGgiOjAuMCwiSGVpZ2h0IjowLjAsIkJvcmRlclN0eWxlIjpudWxsLCJQYXJlbnRTdHlsZSI6bnVsbH0sIkRhdGVGb3JtYXQiOnsiJGlkIjoiMTU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NDQiLCJUb3AiOjAuMCwiTGVmdCI6MC4wLCJSaWdodCI6MC4wLCJCb3R0b20iOjAuMH0sIlBhZGRpbmciOnsiJGlkIjoiMTU0NSIsIlRvcCI6MC4wLCJMZWZ0IjowLjAsIlJpZ2h0IjowLjAsIkJvdHRvbSI6MC4wfSwiQmFja2dyb3VuZCI6eyIkaWQiOiIxNTQ2IiwiQ29sb3IiOnsiJGlkIjoiMTU0NyIsIkEiOjAsIlIiOjI1NSwiRyI6MjU1LCJCIjoyNTV9fSwiSXNWaXNpYmxlIjpmYWxzZSwiV2lkdGgiOjAuMCwiSGVpZ2h0IjowLjAsIkJvcmRlclN0eWxlIjpudWxsLCJQYXJlbnRTdHlsZSI6bnVsbH0sIkRhdGVGb3JtYXQiOnsiJGlkIjoiMTU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UzIiwiVG9wIjowLjAsIkxlZnQiOjAuMCwiUmlnaHQiOjAuMCwiQm90dG9tIjowLjB9LCJQYWRkaW5nIjp7IiRpZCI6IjE2NTQiLCJUb3AiOjAuMCwiTGVmdCI6MC4wLCJSaWdodCI6MC4wLCJCb3R0b20iOjAuMH0sIkJhY2tncm91bmQiOnsiJGlkIjoiMTY1NSIsIkNvbG9yIjp7IiRpZCI6IjE2NTYiLCJBIjowLCJSIjoyNTUsIkciOjI1NSwiQiI6MjU1fX0sIklzVmlzaWJsZSI6dHJ1ZSwiV2lkdGgiOjAuMCwiSGVpZ2h0IjowLjAsIkJvcmRlclN0eWxlIjpudWxsLCJQYXJlbnRTdHlsZSI6bnVsbH0sIkRhdGVGb3JtYXQiOnsiJGlkIjoiMTY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U4IiwiRm9ybWF0IjowLCJJc1Zpc2libGUiOmZhbHNlLCJMYXN0S25vd25WaXNpYmlsaXR5U3RhdGUiOmZhbHNlfSwiSXNWaXNpYmxlIjp0cnVlLCJQYXJlbnRTdHlsZSI6bnVsbCwiX2V4cGxpY2l0bHlTZXQiOnsiJGlkIjoiMTY1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NiIsIlRvcCI6MC4wLCJMZWZ0IjowLjAsIlJpZ2h0IjowLjAsIkJvdHRvbSI6MC4wfSwiUGFkZGluZyI6eyIkaWQiOiIxNjg3IiwiVG9wIjowLjAsIkxlZnQiOjAuMCwiUmlnaHQiOjAuMCwiQm90dG9tIjowLjB9LCJCYWNrZ3JvdW5kIjp7IiRpZCI6IjE2ODgiLCJDb2xvciI6eyIkaWQiOiIxNjg5IiwiQSI6MCwiUiI6MjU1LCJHIjoyNTUsIkIiOjI1NX19LCJJc1Zpc2libGUiOmZhbHNlLCJXaWR0aCI6MC4wLCJIZWlnaHQiOjAuMCwiQm9yZGVyU3R5bGUiOm51bGwsIlBhcmVudFN0eWxlIjpudWxsfSwiRGF0ZUZvcm1hdCI6eyIkaWQiOiIxN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cxMyIsIlRvcCI6MC4wLCJMZWZ0IjowLjAsIlJpZ2h0IjowLjAsIkJvdHRvbSI6MC4wfSwiUGFkZGluZyI6eyIkaWQiOiIxNzE0IiwiVG9wIjowLjAsIkxlZnQiOjAuMCwiUmlnaHQiOjAuMCwiQm90dG9tIjowLjB9LCJCYWNrZ3JvdW5kIjp7IiRpZCI6IjE3MTUiLCJDb2xvciI6eyIkaWQiOiIxNzE2IiwiQSI6MCwiUiI6MjU1LCJHIjoyNTUsIkIiOjI1NX19LCJJc1Zpc2libGUiOmZhbHNlLCJXaWR0aCI6MC4wLCJIZWlnaHQiOjAuMCwiQm9yZGVyU3R5bGUiOm51bGwsIlBhcmVudFN0eWxlIjpudWxsfSwiRGF0ZUZvcm1hdCI6eyIkaWQiOiIxNz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4MjIiLCJUb3AiOjAuMCwiTGVmdCI6MC4wLCJSaWdodCI6MC4wLCJCb3R0b20iOjAuMH0sIlBhZGRpbmciOnsiJGlkIjoiMTgyMyIsIlRvcCI6MC4wLCJMZWZ0IjowLjAsIlJpZ2h0IjowLjAsIkJvdHRvbSI6MC4wfSwiQmFja2dyb3VuZCI6eyIkaWQiOiIxODI0IiwiQ29sb3IiOnsiJGlkIjoiMTgyNSIsIkEiOjAsIlIiOjI1NSwiRyI6MjU1LCJCIjoyNTV9fSwiSXNWaXNpYmxlIjp0cnVlLCJXaWR0aCI6MC4wLCJIZWlnaHQiOjAuMCwiQm9yZGVyU3R5bGUiOm51bGwsIlBhcmVudFN0eWxlIjpudWxsfSwiRGF0ZUZvcm1hdCI6eyIkaWQiOiIxOD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jciLCJGb3JtYXQiOjAsIklzVmlzaWJsZSI6ZmFsc2UsIkxhc3RLbm93blZpc2liaWxpdHlTdGF0ZSI6ZmFsc2V9LCJJc1Zpc2libGUiOnRydWUsIlBhcmVudFN0eWxlIjpudWxsLCJfZXhwbGljaXRseVNldCI6eyIkaWQiOiIxOD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U1IiwiVG9wIjowLjAsIkxlZnQiOjAuMCwiUmlnaHQiOjAuMCwiQm90dG9tIjowLjB9LCJQYWRkaW5nIjp7IiRpZCI6IjE4NTYiLCJUb3AiOjAuMCwiTGVmdCI6MC4wLCJSaWdodCI6MC4wLCJCb3R0b20iOjAuMH0sIkJhY2tncm91bmQiOnsiJGlkIjoiMTg1NyIsIkNvbG9yIjp7IiRyZWYiOiIxODUwIn19LCJJc1Zpc2libGUiOmZhbHNlLCJXaWR0aCI6MC4wLCJIZWlnaHQiOjAuMCwiQm9yZGVyU3R5bGUiOm51bGwsIlBhcmVudFN0eWxlIjpudWxsfSwiRGF0ZUZvcm1hdCI6eyIkaWQiOiIxO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ODEiLCJUb3AiOjAuMCwiTGVmdCI6MC4wLCJSaWdodCI6MC4wLCJCb3R0b20iOjAuMH0sIlBhZGRpbmciOnsiJGlkIjoiMTg4MiIsIlRvcCI6MC4wLCJMZWZ0IjowLjAsIlJpZ2h0IjowLjAsIkJvdHRvbSI6MC4wfSwiQmFja2dyb3VuZCI6eyIkaWQiOiIxODgzIiwiQ29sb3IiOnsiJGlkIjoiMTg4NCIsIkEiOjAsIlIiOjI1NSwiRyI6MjU1LCJCIjoyNTV9fSwiSXNWaXNpYmxlIjpmYWxzZSwiV2lkdGgiOjAuMCwiSGVpZ2h0IjowLjAsIkJvcmRlclN0eWxlIjpudWxsLCJQYXJlbnRTdHlsZSI6bnVsbH0sIkRhdGVGb3JtYXQiOnsiJGlkIjoiMTg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SIsIlVwZGF0ZVNjYWxlRm9ySW1wb3J0ZWRUaW1lbGluZSI6IkZhbHNlIiwiU291cmNlVGhlbWUiOiJ7XCIkaWRcIjpcIjFcIixcIklkXCI6XCI2YjkyNDJlOS0zMmNiLTRiOGEtOGU3My1iNTFmZGI1YTkwM2J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NDMsXCJHXCI6NTgsXCJCXCI6MTAz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2LFwiU2hhcGVUaGlja25lc3NcIjoy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zLFwiRW5kRGF0ZVBvc2l0aW9uXCI6MyxcIlRpdGxlUG9zaXRpb25cIjo0LFwiRHVyYXRpb25Qb3NpdGlvblwiOjAsXCJQZXJjZW50YWdlQ29tcGxldGVkUG9zaXRpb25cIjowLFwiU3BhY2luZ1wiOjU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QzLFwiR1wiOjU4LFwiQlwiOjEwM319LFwiSXNWaXNpYmxlXCI6dHJ1ZSxcIldpZHRoXCI6MC4wLFwiSGVpZ2h0XCI6MjI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1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DIsXCJHXCI6MTUzLFwiQlwiOjE1N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lNlZ29lIFVJIFNlbWlib2xkXCIsXCJJc0JvbGRcIjp0cnV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mZhbHN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UsXCJTaGFwZVNpemVcIjoxLFwiRGV0YWlsc1NwYWNpbmdcIjoy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wMixcIkdcIjoxNTMsXCJCXCI6MTU1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IsXCJGb250TmFtZVwiOlwiU2Vnb2UgVUkgU2VtaWJvbGR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ZmFsc2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lODE4ZDIzMi1lNThlLTQ1MWQtYmRiOS02YmY4MGUwMzQ4YjlcIixcIk5hbWVcIjpcIlN3aW1sYW5lIFN0eWxlIDFcIixcIkhlYWRlclN0eWxlXCI6e1wiJGlkXCI6XCIxMjdcIixcIlRleHRTdHlsZVwiOntcIiRpZFwiOlwiMTI4XCIsXCJGb250U2V0dGluZ3NcIjp7XCIkaWRcIjpcIjEyOVwiLFwiRm9udFNpemVcIjoxNCxcIkZvbnROYW1lXCI6XCJTZWdvZSBVSSBTZW1pYm9sZF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NDMsXCJHXCI6NTgsXCJCXCI6MTAz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zMSxcIkdcIjoyMzAsXCJCXCI6MjM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0MyxcIkdcIjo1OCxcIkJcIjoxMDN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MxLFwiR1wiOjIzMCxcIkJcIjoyMz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SxcIkRhdGVQb3NpdGlvblwiOjIsXCJTaGFwZVR5cGVcIjoxNC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NDMsXCJHXCI6NTgsXCJCXCI6MTAzfX0sXCJJc1Zpc2libGVcIjp0cnVlLFwiV2lkdGhcIjoxOC4wLFwiSGVpZ2h0XCI6MjA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IsXCJGb250TmFtZVwiOlwiU2Vnb2UgVUkgU2VtaWJvbGR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YsXCJTaGFwZVRoaWNrbmVzc1wiOjI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NyxcIkdcIjoxMjUsXCJCXCI6NDl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zLFwiRW5kRGF0ZVBvc2l0aW9uXCI6NCxcIlRpdGxlUG9zaXRpb25cIjoyLFwiRHVyYXRpb25Qb3NpdGlvblwiOjAsXCJQZXJjZW50YWdlQ29tcGxldGVkUG9zaXRpb25cIjowLFwiU3BhY2luZ1wiOjU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QzLFwiR1wiOjU4LFwiQlwiOjEwM319LFwiSXNWaXNpYmxlXCI6dHJ1ZSxcIldpZHRoXCI6MzY3LjAsXCJIZWlnaHRcIjoyMi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csXCJTaGFwZVNpemVcIjoxLFwiRGV0YWlsc1NwYWNpbmdcIjoy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czLFwiR1wiOjEwNixcIkJcIjoxMjl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ixcIkZvbnROYW1lXCI6XCJTZWdvZSBVSSBTZW1pYm9sZF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EsXCJJc1Zpc2libGVcIjpmYWxz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czLFwiR1wiOjEwNixcIkJcIjoxMjl9fSxcIklzVmlzaWJsZVwiOnRydW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MxLFwiR1wiOjIzMCxcIkJcIjoyMz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czLFwiR1wiOjEwNixcIkJcIjoxMjl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MxLFwiR1wiOjIzMCxcIkJcIjoyMz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SxcIkRhdGVQb3NpdGlvblwiOjAsXCJTaGFwZVR5cGVcIjoxNy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zMsXCJHXCI6MTA2LFwiQlwiOjEyOX19LFwiSXNWaXNpYmxlXCI6dHJ1ZSxcIldpZHRoXCI6MjAuMCxcIkhlaWdodFwiOjIw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yLFwiRm9udE5hbWVcIjpcIlNlZ29lIFVJIFNlbWlib2xkXCIsXCJJc0JvbGRcIjp0cnVlLFwiSXNJdGFsaWNcIjpmYWxzZSxcIklzVW5kZXJsaW5lZFwiOmZhbHNlfSxcIkZvcmVncm91bmRcIjp7XCIkaWRcIjpcIjMwN1wiLFwiQ29sb3JcIjp7XCIkaWRcIjpcIjMwOFwiLFwiQVwiOjI1NSxcIlJcIjowLFwiR1wiOjAsXCJCXCI6MH19LFwiSG9yaXpvbnRhbEFsaWdubWVudFwiOjE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jgsXCJHXCI6ODQsXCJCXCI6MTA2fX0sXCJIb3Jpem9udGFsQWxpZ25tZW50XCI6MixcIklzVmlzaWJsZVwiOmZhbHN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2LFwiU2hhcGVUaGlja25lc3NcIjoy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csXCJHXCI6MTI1LFwiQlwiOjQ5fX0sXCJIb3Jpem9udGFsQWxpZ25tZW50XCI6MCxcIklzVmlzaWJsZVwiOmZhbHN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MjM3LFwiR1wiOjEyNSxcIkJcIjo0OX19LFwiSG9yaXpvbnRhbEFsaWdubWVudFwiOjAsXCJJc1Zpc2libGVcIjpmYWxzZX0sXCJNYXJnaW5cIjp7XCIkaWRcIjpcIjMyN1wiLFwiVG9wXCI6MC4wLFwiTGVmdFwiOjAuMCxcIlJpZ2h0XCI6MC4wLFwiQm90dG9tXCI6MC4wfSxcIlN0YXJ0RGF0ZVBvc2l0aW9uXCI6MyxcIkVuZERhdGVQb3NpdGlvblwiOjQsXCJUaXRsZVBvc2l0aW9uXCI6MixcIkR1cmF0aW9uUG9zaXRpb25cIjowLFwiUGVyY2VudGFnZUNvbXBsZXRlZFBvc2l0aW9uXCI6MCxcIlNwYWNpbmdcIjo1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3MyxcIkdcIjoxMDYsXCJCXCI6MTI5fX0sXCJJc1Zpc2libGVcIjp0cnVlLFwiV2lkdGhcIjozMTcuMCxcIkhlaWdodFwiOjIy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NyxcIlNoYXBlU2l6ZVwiOjEsXCJEZXRhaWxzU3BhY2luZ1wiOjIuMCxcIlBhZGRpbmdcIjp7XCIkaWRcIjpcIjM0OFwiLFwiVG9wXCI6Ny4wLFwiTGVmdFwiOjMuMCxcIlJpZ2h0XCI6MC4wLFwiQm90dG9tXCI6Mi4wfSxcIlBvc2l0aW9uT25UYXNrXCI6My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AyLFwiR1wiOjE1MyxcIkJcIjoxNTV9fSxcIklzVmlzaWJsZVwiOnRydWUsXCJXaWR0aFwiOjE4LjAsXCJIZWlnaHRcIjoyM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ixcIkZvbnROYW1lXCI6XCJTZWdvZSBVSSBTZW1pYm9sZFwiLFwiSXNCb2xkXCI6dHJ1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Y4LFwiR1wiOjg0LFwiQlwiOjEwNn19LFwiSG9yaXpvbnRhbEFsaWdubWVudFwiOjEsXCJJc1Zpc2libGVcIjpmYWxz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EwMixcIkdcIjoxNTMsXCJCXCI6MTU1fX0sXCJJc1Zpc2libGVcIjp0cnVlLFwiV2lkdGhcIjowLjAsXCJIZWlnaHRcIjowLjAsXCJCb3JkZXJTdHlsZVwiOntcIiRpZFwiOlwiMzc5XCIsXCJMaW5lU3R5bGVcIjp7XCIkaWRcIjpcIjM4MFwiLFwiTGluZUNvbG9yXCI6e1wiJGlkXCI6XCIzODFcIixcIkNvbG9yXCI6e1wiJGlkXCI6XCIzODJcIixcIkFcIjoyNTUsXCJSXCI6MjU1LFwiR1wiOjAsXCJCXCI6MH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zMSxcIkdcIjoyMzAsXCJCXCI6MjM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DIsXCJHXCI6MTUzLFwiQlwiOjE1NX19LFwiSXNWaXNpYmxlXCI6dHJ1ZSxcIldpZHRoXCI6MC4wLFwiSGVpZ2h0XCI6MC4wLFwiQm9yZGVyU3R5bGVcIjp7XCIkaWRcIjpcIjQwM1wiLFwiTGluZVN0eWxlXCI6e1wiJGlkXCI6XCI0MDRcIixcIkxpbmVDb2xvclwiOntcIiRpZFwiOlwiNDA1XCIsXCJDb2xvclwiOntcIiRpZFwiOlwiNDA2XCIsXCJBXCI6MjU1LFwiUlwiOjI1NSxcIkdcIjowLFwiQlwiOjB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yMzEsXCJHXCI6MjMwLFwiQlwiOjIzMH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yLFwiRGF0ZVBvc2l0aW9uXCI6MixcIlNoYXBlVHlwZVwiOjEsXCJTaGFwZVNpemVcIjox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EwMixcIkdcIjoxNTMsXCJCXCI6MTU1fX0sXCJJc1Zpc2libGVcIjp0cnVlLFwiV2lkdGhcIjoxOC4wLFwiSGVpZ2h0XCI6MjA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IsXCJGb250TmFtZVwiOlwiU2Vnb2UgVUkgU2VtaWJvbGRcIixcIklzQm9sZFwiOnRydWUsXCJJc0l0YWxpY1wiOmZhbHNlLFwiSXNVbmRlcmxpbmVkXCI6ZmFsc2V9LFwiRm9yZWdyb3VuZFwiOntcIiRpZFwiOlwiNDI4XCIsXCJDb2xvclwiOntcIiRpZFwiOlwiNDI5XCIsXCJBXCI6MjU1LFwiUlwiOjAsXCJHXCI6MCxcIkJcIjowfX0sXCJIb3Jpem9udGFsQWxpZ25tZW50XCI6MC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ZmFsc2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YsXCJTaGFwZVRoaWNrbmVzc1wiOjI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NyxcIkdcIjoxMjUsXCJCXCI6NDl9fSxcIkhvcml6b250YWxBbGlnbm1lbnRcIjowLFwiSXNWaXNpYmxlXCI6ZmFsc2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zLFwiRW5kRGF0ZVBvc2l0aW9uXCI6NCxcIlRpdGxlUG9zaXRpb25cIjoyLFwiRHVyYXRpb25Qb3NpdGlvblwiOjAsXCJQZXJjZW50YWdlQ29tcGxldGVkUG9zaXRpb25cIjowLFwiU3BhY2luZ1wiOjU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EwMixcIkdcIjoxNTMsXCJCXCI6MTU1fX0sXCJJc1Zpc2libGVcIjp0cnVlLFwiV2lkdGhcIjoxNjguMCxcIkhlaWdodFwiOjIy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ixcIlNoYXBlU2l6ZVwiOjEsXCJEZXRhaWxzU3BhY2luZ1wiOjI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AyLFwiR1wiOjE1MyxcIkJcIjoxNTV9fSxcIklzVmlzaWJsZVwiOnRydWUsXCJXaWR0aFwiOjEzLjAsXCJIZWlnaHRcIjoxMy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ixcIkZvbnROYW1lXCI6XCJTZWdvZSBVSSBTZW1pYm9sZFwiLFwiSXNCb2xkXCI6dHJ1ZSxcIklzSXRhbGljXCI6ZmFsc2UsXCJJc1VuZGVybGluZWRcIjpmYWxzZX0sXCJGb3JlZ3JvdW5kXCI6e1wiJGlkXCI6XCI0ODFcIixcIkNvbG9yXCI6e1wiJGlkXCI6XCI0ODJcIixcIkFcIjoyNTUsXCJSXCI6MCxcIkdcIjowLFwiQlwiOjB9fSxcIkhvcml6b250YWxBbGlnbm1lbnRcIjow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AsXCJJc1Zpc2libGVcIjpmYWxz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kxLFwiR1wiOjE1NSxcIkJcIjoyMTN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NjgsXCJHXCI6MTE0LFwiQlwiOjE5Nn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xNC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0MyxcIkdcIjo1OCxcIkJcIjoxMDN9LFwiQWNjZW50M1wiOntcIiRpZFwiOlwiNTE5XCIsXCJBXCI6MjU1LFwiUlwiOjQzLFwiR1wiOjU4LFwiQlwiOjEwM30sXCJBY2NlbnQ0XCI6e1wiJGlkXCI6XCI1MjBcIixcIkFcIjoyNTUsXCJSXCI6NzMsXCJHXCI6MTA2LFwiQlwiOjEyOX0sXCJBY2NlbnQ1XCI6e1wiJGlkXCI6XCI1MjFcIixcIkFcIjoyNTUsXCJSXCI6MTAyLFwiR1wiOjE1MyxcIkJcIjoxNTV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AwMiIsIkltcGFPcHRpb25zIjp7IiRpZCI6IjIwMD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LEFTENDCAPSMARGINLEFT" val="39.5066666666667"/>
  <p:tag name="OTLTIMEBANDENDDATE" val="2027-08-19T23:59:00.0000000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6-03-07T23:59:00.0000000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3"/>
  <p:tag name="OTLPOSITIONONTASK" val="Center"/>
  <p:tag name="OTLRELATEDTASKID" val="00000000-0000-0000-0000-000000000000"/>
  <p:tag name="OTLWEEKNUMBERINGFORMAT" val="WNFormat1"/>
  <p:tag name="OTLWEEKNUMBERINGISVISIBLE" val="False"/>
  <p:tag name="OTLDATE" val="2026-10-26T23:59:00.000000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6-03-20T23:59:00.0000000"/>
  <p:tag name="OTLPOSITIONONTASK" val="Center"/>
  <p:tag name="OTLRELATEDTASKID" val="914762bf-9d25-486e-bb2f-c1f0853b4557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9"/>
  <p:tag name="OTLPOSITIONONTASK" val="Center"/>
  <p:tag name="OTLRELATEDTASKID" val="b6a1e73a-e641-48c7-a13c-7e6f8b7f003d"/>
  <p:tag name="OTLDATE" val="2027-01-24T23:59:00.000000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LEFTENDCAPSMARGINLEFT" val="39.5066666666667"/>
  <p:tag name="OTLTIMEBANDENDDATE" val="2027-08-19T23:59:00.00000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LEFTENDCAPSMARGINLEFT" val="39.5066666666667"/>
  <p:tag name="OTLTIMEBANDENDDATE" val="2027-08-19T23:59:00.000000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5-07-28T00:00:00.0000000"/>
  <p:tag name="OTLENDDATE" val="2026-05-26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6-06-26T00:00:00.0000000"/>
  <p:tag name="OTLENDDATE" val="2027-05-06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7-01-30T00:00:00.0000000"/>
  <p:tag name="OTLENDDATE" val="2027-08-19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31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10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2-19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6-09-10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7-02-19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6-12-02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7-03-17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2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7-07-07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1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7-05-12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9</Words>
  <Application>Microsoft Office PowerPoint</Application>
  <PresentationFormat>Widescreen</PresentationFormat>
  <Paragraphs>7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2" baseType="lpstr">
      <vt:lpstr>Aptos</vt:lpstr>
      <vt:lpstr>Aptos Display</vt:lpstr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6-28T12:24:48Z</dcterms:created>
  <dcterms:modified xsi:type="dcterms:W3CDTF">2024-06-28T12:28:08Z</dcterms:modified>
</cp:coreProperties>
</file>